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95" r:id="rId15"/>
  </p:sldMasterIdLst>
  <p:notesMasterIdLst>
    <p:notesMasterId r:id="rId23"/>
  </p:notesMasterIdLst>
  <p:sldIdLst>
    <p:sldId id="259" r:id="rId16"/>
    <p:sldId id="260" r:id="rId17"/>
    <p:sldId id="264" r:id="rId18"/>
    <p:sldId id="265" r:id="rId19"/>
    <p:sldId id="266" r:id="rId20"/>
    <p:sldId id="267" r:id="rId21"/>
    <p:sldId id="258" r:id="rId22"/>
  </p:sldIdLst>
  <p:sldSz cx="12192000" cy="6858000"/>
  <p:notesSz cx="6858000" cy="9144000"/>
  <p:custDataLst>
    <p:tags r:id="rId24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EC3E1"/>
    <a:srgbClr val="1F538F"/>
    <a:srgbClr val="EAEAEA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9" autoAdjust="0"/>
    <p:restoredTop sz="94554"/>
  </p:normalViewPr>
  <p:slideViewPr>
    <p:cSldViewPr snapToGrid="0" showGuides="1">
      <p:cViewPr varScale="1">
        <p:scale>
          <a:sx n="150" d="100"/>
          <a:sy n="150" d="100"/>
        </p:scale>
        <p:origin x="560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notesMaster" Target="notesMasters/notesMaster1.xml"/><Relationship Id="rId28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DA840C6-1F39-43ED-B27B-1FEC6C3829D7}" type="datetimeFigureOut">
              <a:rPr lang="en-GB" smtClean="0"/>
              <a:t>02/01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5E21C0D-9E07-4C74-9A59-193F61F6289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85986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6" Type="http://schemas.openxmlformats.org/officeDocument/2006/relationships/image" Target="../media/image8.png"/><Relationship Id="rId5" Type="http://schemas.openxmlformats.org/officeDocument/2006/relationships/image" Target="../media/image5.png"/><Relationship Id="rId4" Type="http://schemas.openxmlformats.org/officeDocument/2006/relationships/image" Target="../media/image7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6" Type="http://schemas.openxmlformats.org/officeDocument/2006/relationships/image" Target="../media/image8.png"/><Relationship Id="rId5" Type="http://schemas.openxmlformats.org/officeDocument/2006/relationships/image" Target="../media/image5.png"/><Relationship Id="rId4" Type="http://schemas.openxmlformats.org/officeDocument/2006/relationships/image" Target="../media/image7.svg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Relationship Id="rId4" Type="http://schemas.openxmlformats.org/officeDocument/2006/relationships/image" Target="../media/image1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Relationship Id="rId4" Type="http://schemas.openxmlformats.org/officeDocument/2006/relationships/image" Target="../media/image1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Relationship Id="rId5" Type="http://schemas.openxmlformats.org/officeDocument/2006/relationships/image" Target="../media/image1.png"/><Relationship Id="rId4" Type="http://schemas.openxmlformats.org/officeDocument/2006/relationships/image" Target="../media/image11.png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Relationship Id="rId4" Type="http://schemas.openxmlformats.org/officeDocument/2006/relationships/image" Target="../media/image1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Relationship Id="rId4" Type="http://schemas.openxmlformats.org/officeDocument/2006/relationships/image" Target="../media/image9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6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7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8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9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0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1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2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ver A with Shie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1B16BA09-5E0E-9342-7B5F-208FB49230F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4" name="Background">
            <a:extLst>
              <a:ext uri="{FF2B5EF4-FFF2-40B4-BE49-F238E27FC236}">
                <a16:creationId xmlns:a16="http://schemas.microsoft.com/office/drawing/2014/main" id="{839A0678-D339-25B7-6999-A7B668AB1E90}"/>
              </a:ext>
            </a:extLst>
          </p:cNvPr>
          <p:cNvSpPr/>
          <p:nvPr userDrawn="1"/>
        </p:nvSpPr>
        <p:spPr>
          <a:xfrm>
            <a:off x="0" y="232053"/>
            <a:ext cx="12191999" cy="6858000"/>
          </a:xfrm>
          <a:prstGeom prst="rect">
            <a:avLst/>
          </a:prstGeom>
          <a:gradFill>
            <a:gsLst>
              <a:gs pos="11000">
                <a:schemeClr val="bg1">
                  <a:alpha val="0"/>
                </a:schemeClr>
              </a:gs>
              <a:gs pos="51000">
                <a:schemeClr val="bg1"/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Picture 2" descr="{&quot;templafy&quot;:{&quot;id&quot;:&quot;4ed83995-50f7-47c7-8c1f-9ab76388097b&quot;}}">
            <a:extLst>
              <a:ext uri="{FF2B5EF4-FFF2-40B4-BE49-F238E27FC236}">
                <a16:creationId xmlns:a16="http://schemas.microsoft.com/office/drawing/2014/main" id="{8FD3E9EB-BD3A-C99C-9AF7-F45AF2F0895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>
          <a:xfrm>
            <a:off x="705398" y="705953"/>
            <a:ext cx="5080000" cy="1270000"/>
          </a:xfrm>
          <a:prstGeom prst="rect">
            <a:avLst/>
          </a:prstGeom>
        </p:spPr>
      </p:pic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18" name="Picture 17" descr="{&quot;templafy&quot;:{&quot;id&quot;:&quot;16cf55a9-5b1b-4105-99af-44230ac8b02c&quot;}}">
            <a:extLst>
              <a:ext uri="{FF2B5EF4-FFF2-40B4-BE49-F238E27FC236}">
                <a16:creationId xmlns:a16="http://schemas.microsoft.com/office/drawing/2014/main" id="{F4871A12-966F-AB54-D025-11147D2B69AF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5482800"/>
            <a:ext cx="2431525" cy="720000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1D8734B6-FF82-51DC-47D5-1C0BF6F1A66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7769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58E6A62F-5EE0-DF6B-07CD-0B354081E7E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251DC0FA-582F-179B-E738-1BBB95CD33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574036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1515E92D-D3D4-9D54-8555-29BBC3428D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595737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E327DC5C-E1C0-B8CB-4B84-DA580F6C816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6252829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22638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E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tx2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5CB14299-9B5F-BF3A-D63A-A282BCE062E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cb922fd5-f75f-4c03-9148-c66209a2a66f&quot;}}">
            <a:extLst>
              <a:ext uri="{FF2B5EF4-FFF2-40B4-BE49-F238E27FC236}">
                <a16:creationId xmlns:a16="http://schemas.microsoft.com/office/drawing/2014/main" id="{10F8ED1B-9620-E042-4468-89BE942638C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4c8ba2a0-2302-4e4a-91b0-03e9789497ad&quot;}}">
            <a:extLst>
              <a:ext uri="{FF2B5EF4-FFF2-40B4-BE49-F238E27FC236}">
                <a16:creationId xmlns:a16="http://schemas.microsoft.com/office/drawing/2014/main" id="{FCA34246-DA6F-A5D0-3BE2-F61840002FFA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287157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F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82F1C1D4-A570-C8D4-71E4-37223819B6F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244d4cc7-71a9-46dd-9591-ab803bedf7ac&quot;}}">
            <a:extLst>
              <a:ext uri="{FF2B5EF4-FFF2-40B4-BE49-F238E27FC236}">
                <a16:creationId xmlns:a16="http://schemas.microsoft.com/office/drawing/2014/main" id="{1D1ABF3C-C080-F6E8-D2B7-03221E70DD6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b7e3fbfc-bf5b-4448-9596-c5c18bd6e306&quot;}}">
            <a:extLst>
              <a:ext uri="{FF2B5EF4-FFF2-40B4-BE49-F238E27FC236}">
                <a16:creationId xmlns:a16="http://schemas.microsoft.com/office/drawing/2014/main" id="{35886E9B-CC8C-FE05-28E8-7B920D14BE84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946259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G">
    <p:bg>
      <p:bgPr>
        <a:solidFill>
          <a:schemeClr val="accent4">
            <a:lumMod val="60000"/>
            <a:lumOff val="4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4">
                    <a:lumMod val="5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2e13eee6-26eb-499a-bff0-9b312ab5e513&quot;}}">
            <a:extLst>
              <a:ext uri="{FF2B5EF4-FFF2-40B4-BE49-F238E27FC236}">
                <a16:creationId xmlns:a16="http://schemas.microsoft.com/office/drawing/2014/main" id="{AAD77358-407B-CC8D-8A44-3C9D1C944A9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9d3a8040-a339-4065-969d-990670c4bfb8&quot;}}">
            <a:extLst>
              <a:ext uri="{FF2B5EF4-FFF2-40B4-BE49-F238E27FC236}">
                <a16:creationId xmlns:a16="http://schemas.microsoft.com/office/drawing/2014/main" id="{BB0E4EF0-0773-5520-B4C1-BD1FB27A2FDD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82066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H">
    <p:bg>
      <p:bgPr>
        <a:solidFill>
          <a:srgbClr val="99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365531e4-e746-4ccd-9b5f-456766c7df8c&quot;}}">
            <a:extLst>
              <a:ext uri="{FF2B5EF4-FFF2-40B4-BE49-F238E27FC236}">
                <a16:creationId xmlns:a16="http://schemas.microsoft.com/office/drawing/2014/main" id="{921DC878-ADF5-6607-4064-B140F82AC21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ca882784-466b-4e7d-8f37-d478bcbe7595&quot;}}">
            <a:extLst>
              <a:ext uri="{FF2B5EF4-FFF2-40B4-BE49-F238E27FC236}">
                <a16:creationId xmlns:a16="http://schemas.microsoft.com/office/drawing/2014/main" id="{251C0FE8-3CB8-F28B-4328-C693C026614E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332555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10752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37492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 and 1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1075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81069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771BA-DEC6-F3CD-0966-439080AF15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C6BC50-3655-09A2-54D0-991FCCB4D1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8E7446D-1AC7-A43F-ADC3-99ABFBDE93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47EC7B5-5579-B015-84D6-CEA96A4D5E9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39600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86CF56-797D-76D1-938F-9E4AB58EBE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08826-EFB1-9253-4DD9-529D28A14B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65832291-D52E-BC28-A4EE-FF28DF7F69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441026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wo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713599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39858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ontent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</p:spTree>
    <p:extLst>
      <p:ext uri="{BB962C8B-B14F-4D97-AF65-F5344CB8AC3E}">
        <p14:creationId xmlns:p14="http://schemas.microsoft.com/office/powerpoint/2010/main" val="583149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Shield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44CDB109-2703-E004-DAD3-0A9F90171FA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4EC7E38D-B81D-FC40-15B1-DC990195C275}"/>
              </a:ext>
            </a:extLst>
          </p:cNvPr>
          <p:cNvSpPr/>
          <p:nvPr userDrawn="1"/>
        </p:nvSpPr>
        <p:spPr>
          <a:xfrm rot="10800000">
            <a:off x="-1" y="-1"/>
            <a:ext cx="12178055" cy="6857999"/>
          </a:xfrm>
          <a:prstGeom prst="rect">
            <a:avLst/>
          </a:prstGeom>
          <a:gradFill flip="none" rotWithShape="1">
            <a:gsLst>
              <a:gs pos="94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43000">
                <a:schemeClr val="accent1">
                  <a:alpha val="96549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0" name="Picture 19" descr="{&quot;templafy&quot;:{&quot;id&quot;:&quot;e6abbcbc-84b0-40a3-a6f3-01f925dc15e6&quot;}}">
            <a:extLst>
              <a:ext uri="{FF2B5EF4-FFF2-40B4-BE49-F238E27FC236}">
                <a16:creationId xmlns:a16="http://schemas.microsoft.com/office/drawing/2014/main" id="{D638E168-2654-C664-C9C9-AC0F17D5F91A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5482800"/>
            <a:ext cx="2431525" cy="720000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7FD24B18-9890-6730-F357-90982511A7F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D364A363-678D-BF9C-8F82-6A24E3BEDC7D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pic>
        <p:nvPicPr>
          <p:cNvPr id="6" name="Picture 5" descr="{&quot;templafy&quot;:{&quot;id&quot;:&quot;71ff121b-5d20-4ae6-b521-25bf9fc6cf62&quot;}}">
            <a:extLst>
              <a:ext uri="{FF2B5EF4-FFF2-40B4-BE49-F238E27FC236}">
                <a16:creationId xmlns:a16="http://schemas.microsoft.com/office/drawing/2014/main" id="{A757B62C-936F-6DFE-1168-AC19E011211C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>
          <a:xfrm>
            <a:off x="705398" y="686716"/>
            <a:ext cx="5080000" cy="1270000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BCCD774-C585-4D47-9DC9-21728775CCB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725" y="5508306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BD3930DA-CC72-D87A-3C84-D5B0B8E6F1F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25323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FFB7AC86-6495-B25D-71A1-EDE3C43FCE24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20000" y="602077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3567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422775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128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134636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6" userDrawn="1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3498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275999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B5911BE-8839-F336-D549-40F51B1053D4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053275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225611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162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02800" y="720000"/>
            <a:ext cx="79704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5600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9FEC81-69D3-F091-6AAB-584372D2CDC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556000"/>
            <a:ext cx="2416175" cy="25812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206542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25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047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840120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787261" y="720000"/>
            <a:ext cx="2680837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7" name="Picture 6" descr="{&quot;templafy&quot;:{&quot;id&quot;:&quot;16279a83-602d-4054-8cf3-75e938e47bf5&quot;}}">
            <a:extLst>
              <a:ext uri="{FF2B5EF4-FFF2-40B4-BE49-F238E27FC236}">
                <a16:creationId xmlns:a16="http://schemas.microsoft.com/office/drawing/2014/main" id="{90B2051A-6F38-28AC-23B7-7665ADAE348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6" name="Footers" descr="{&quot;templafy&quot;:{&quot;id&quot;:&quot;57fb1e09-9b29-40fc-94d8-68b95933189e&quot;}}">
            <a:extLst>
              <a:ext uri="{FF2B5EF4-FFF2-40B4-BE49-F238E27FC236}">
                <a16:creationId xmlns:a16="http://schemas.microsoft.com/office/drawing/2014/main" id="{D30753A2-1402-7DB1-6D07-F5631C9A74D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1667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4244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4244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4400" y="720000"/>
            <a:ext cx="70488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20000" y="720000"/>
            <a:ext cx="24192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7" name="Picture 6" descr="{&quot;templafy&quot;:{&quot;id&quot;:&quot;236bafc0-4ba2-4c14-8f38-4af976df7187&quot;}}">
            <a:extLst>
              <a:ext uri="{FF2B5EF4-FFF2-40B4-BE49-F238E27FC236}">
                <a16:creationId xmlns:a16="http://schemas.microsoft.com/office/drawing/2014/main" id="{7C715822-85E1-C169-888C-3B6218DED0D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6" name="Footers" descr="{&quot;templafy&quot;:{&quot;id&quot;:&quot;b404484b-cd2e-46ef-9d8e-37928171a4c0&quot;}}">
            <a:extLst>
              <a:ext uri="{FF2B5EF4-FFF2-40B4-BE49-F238E27FC236}">
                <a16:creationId xmlns:a16="http://schemas.microsoft.com/office/drawing/2014/main" id="{18A60CD6-FFBC-03F7-17C2-03F4F032100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7076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Left - Photo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614FC3F-8ED6-0751-6C51-3B2BEC1277D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20090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pic>
        <p:nvPicPr>
          <p:cNvPr id="5" name="Picture 4" descr="{&quot;templafy&quot;:{&quot;id&quot;:&quot;510adb9d-437f-4b66-99f9-d9d1e1460cde&quot;}}">
            <a:extLst>
              <a:ext uri="{FF2B5EF4-FFF2-40B4-BE49-F238E27FC236}">
                <a16:creationId xmlns:a16="http://schemas.microsoft.com/office/drawing/2014/main" id="{D1CFF972-11A5-FC05-E5B3-86DBB0F4339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48777044-d553-4edc-b1d6-e960a6766e37&quot;}}">
            <a:extLst>
              <a:ext uri="{FF2B5EF4-FFF2-40B4-BE49-F238E27FC236}">
                <a16:creationId xmlns:a16="http://schemas.microsoft.com/office/drawing/2014/main" id="{571F91D2-BD5D-4505-6DD0-633D6AD1FFEB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723831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to Left - Conten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6">
            <a:extLst>
              <a:ext uri="{FF2B5EF4-FFF2-40B4-BE49-F238E27FC236}">
                <a16:creationId xmlns:a16="http://schemas.microsoft.com/office/drawing/2014/main" id="{C0E66B85-A497-806D-1EDC-07151561F03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9275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349275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49275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Footers" descr="{&quot;templafy&quot;:{&quot;id&quot;:&quot;3f3ce935-1cd0-405f-822f-dd54ba0cb250&quot;}}">
            <a:extLst>
              <a:ext uri="{FF2B5EF4-FFF2-40B4-BE49-F238E27FC236}">
                <a16:creationId xmlns:a16="http://schemas.microsoft.com/office/drawing/2014/main" id="{37509789-A5FC-D655-A0D1-083454109387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7030072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57D76C0-5C22-E359-CE79-F004D2181106}"/>
              </a:ext>
            </a:extLst>
          </p:cNvPr>
          <p:cNvSpPr/>
          <p:nvPr userDrawn="1"/>
        </p:nvSpPr>
        <p:spPr>
          <a:xfrm>
            <a:off x="0" y="0"/>
            <a:ext cx="5911200" cy="6858000"/>
          </a:xfrm>
          <a:prstGeom prst="rect">
            <a:avLst/>
          </a:prstGeom>
          <a:gradFill>
            <a:gsLst>
              <a:gs pos="60000">
                <a:schemeClr val="accent1"/>
              </a:gs>
              <a:gs pos="86000">
                <a:srgbClr val="1F538F"/>
              </a:gs>
              <a:gs pos="100000">
                <a:schemeClr val="accent3"/>
              </a:gs>
            </a:gsLst>
            <a:lin ang="81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1" name="Content Placeholder 13">
            <a:extLst>
              <a:ext uri="{FF2B5EF4-FFF2-40B4-BE49-F238E27FC236}">
                <a16:creationId xmlns:a16="http://schemas.microsoft.com/office/drawing/2014/main" id="{8629CEFB-CC46-A8B8-01A0-9FC67CBA2F4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906275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2" name="Content Placeholder 13">
            <a:extLst>
              <a:ext uri="{FF2B5EF4-FFF2-40B4-BE49-F238E27FC236}">
                <a16:creationId xmlns:a16="http://schemas.microsoft.com/office/drawing/2014/main" id="{277AD4A9-73AA-FC1E-DFE4-E50DD96AC8A9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8080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3" name="Content Placeholder 13">
            <a:extLst>
              <a:ext uri="{FF2B5EF4-FFF2-40B4-BE49-F238E27FC236}">
                <a16:creationId xmlns:a16="http://schemas.microsoft.com/office/drawing/2014/main" id="{50F43CDD-BB71-2518-2700-3FC4FD0DB8F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6275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Footers" descr="{&quot;templafy&quot;:{&quot;id&quot;:&quot;3d840d80-21d9-4b8c-9ef5-c00bb5516571&quot;}}">
            <a:extLst>
              <a:ext uri="{FF2B5EF4-FFF2-40B4-BE49-F238E27FC236}">
                <a16:creationId xmlns:a16="http://schemas.microsoft.com/office/drawing/2014/main" id="{BAEAECA1-823F-9620-77DA-8D91E766BA4C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443994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2047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2273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7762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AC1FBFE-B73D-7F3E-861B-16D1159B45C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3607199"/>
            <a:ext cx="5195025" cy="2530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Content Placeholder 17">
            <a:extLst>
              <a:ext uri="{FF2B5EF4-FFF2-40B4-BE49-F238E27FC236}">
                <a16:creationId xmlns:a16="http://schemas.microsoft.com/office/drawing/2014/main" id="{C93BC420-F68F-9B1C-F5A8-F0BAD3B826C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387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275387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3086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C26CBF-9D3D-15DE-A3B6-1F8AC80A3E0C}"/>
              </a:ext>
            </a:extLst>
          </p:cNvPr>
          <p:cNvSpPr/>
          <p:nvPr userDrawn="1"/>
        </p:nvSpPr>
        <p:spPr>
          <a:xfrm>
            <a:off x="0" y="0"/>
            <a:ext cx="31356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3C86090-9697-9AEF-C893-5B4EBE1CA3B2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Footers" descr="{&quot;templafy&quot;:{&quot;id&quot;:&quot;7204dcc7-7b5e-420b-8baa-03ec43ab33fd&quot;}}">
            <a:extLst>
              <a:ext uri="{FF2B5EF4-FFF2-40B4-BE49-F238E27FC236}">
                <a16:creationId xmlns:a16="http://schemas.microsoft.com/office/drawing/2014/main" id="{23808C62-84AD-EB15-6A56-B4D134B988DC}"/>
              </a:ext>
            </a:extLst>
          </p:cNvPr>
          <p:cNvSpPr/>
          <p:nvPr userDrawn="1"/>
        </p:nvSpPr>
        <p:spPr>
          <a:xfrm>
            <a:off x="493669" y="6439469"/>
            <a:ext cx="245026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35502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C with Confidential Statement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C753663D-E098-B93B-3E15-3DB8D2D8F89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5D5AB2CE-B33D-1B37-2E06-5DF32D905889}"/>
              </a:ext>
            </a:extLst>
          </p:cNvPr>
          <p:cNvSpPr/>
          <p:nvPr userDrawn="1"/>
        </p:nvSpPr>
        <p:spPr>
          <a:xfrm rot="10800000">
            <a:off x="13945" y="127981"/>
            <a:ext cx="12178055" cy="5557138"/>
          </a:xfrm>
          <a:prstGeom prst="rect">
            <a:avLst/>
          </a:prstGeom>
          <a:gradFill flip="none" rotWithShape="1">
            <a:gsLst>
              <a:gs pos="100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51000">
                <a:schemeClr val="accent1">
                  <a:alpha val="90000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1A22EB-BD03-D54C-510B-9450ECC7F9DD}"/>
              </a:ext>
            </a:extLst>
          </p:cNvPr>
          <p:cNvSpPr/>
          <p:nvPr userDrawn="1"/>
        </p:nvSpPr>
        <p:spPr bwMode="auto">
          <a:xfrm>
            <a:off x="13945" y="5571088"/>
            <a:ext cx="12192000" cy="129540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round/>
            <a:headEnd/>
            <a:tailEnd/>
          </a:ln>
        </p:spPr>
        <p:txBody>
          <a:bodyPr vert="horz" wrap="square" lIns="121920" tIns="60960" rIns="121920" bIns="60960" numCol="1" rtlCol="0" anchor="t" anchorCtr="0" compatLnSpc="1">
            <a:prstTxWarp prst="textNoShape">
              <a:avLst/>
            </a:prstTxWarp>
          </a:bodyPr>
          <a:lstStyle/>
          <a:p>
            <a:pPr algn="ctr"/>
            <a:endParaRPr lang="en-US" sz="2400"/>
          </a:p>
        </p:txBody>
      </p:sp>
      <p:sp>
        <p:nvSpPr>
          <p:cNvPr id="11" name="Line top Placeholder 20">
            <a:extLst>
              <a:ext uri="{FF2B5EF4-FFF2-40B4-BE49-F238E27FC236}">
                <a16:creationId xmlns:a16="http://schemas.microsoft.com/office/drawing/2014/main" id="{BDD14DD9-CE12-CB1D-F34C-E1CF891B53B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5530321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625D6D2-B9F8-BE5F-7103-B740CDF3C8C4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4330250"/>
            <a:ext cx="2431525" cy="720000"/>
          </a:xfrm>
          <a:prstGeom prst="rect">
            <a:avLst/>
          </a:prstGeom>
        </p:spPr>
      </p:pic>
      <p:pic>
        <p:nvPicPr>
          <p:cNvPr id="10" name="Picture 9" descr="{&quot;templafy&quot;:{&quot;id&quot;:&quot;423338c5-1215-4f39-9480-0941d3b3fa98&quot;}}">
            <a:extLst>
              <a:ext uri="{FF2B5EF4-FFF2-40B4-BE49-F238E27FC236}">
                <a16:creationId xmlns:a16="http://schemas.microsoft.com/office/drawing/2014/main" id="{7A667733-BF52-C1E0-ADB7-D8594082E74E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800" y="4338928"/>
            <a:ext cx="2431525" cy="720000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1A7789F2-55FE-D2DA-D3BB-2911129E98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015152"/>
            <a:ext cx="10733505" cy="1296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7" name="Subtitle 2">
            <a:extLst>
              <a:ext uri="{FF2B5EF4-FFF2-40B4-BE49-F238E27FC236}">
                <a16:creationId xmlns:a16="http://schemas.microsoft.com/office/drawing/2014/main" id="{0CF0A729-59C1-102A-1A62-ED596D2B8BE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60055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8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9F144A7E-2234-1526-8158-31D213DA5280}"/>
              </a:ext>
            </a:extLst>
          </p:cNvPr>
          <p:cNvSpPr txBox="1">
            <a:spLocks/>
          </p:cNvSpPr>
          <p:nvPr userDrawn="1"/>
        </p:nvSpPr>
        <p:spPr>
          <a:xfrm>
            <a:off x="635001" y="6139752"/>
            <a:ext cx="10827546" cy="271145"/>
          </a:xfrm>
          <a:prstGeom prst="rect">
            <a:avLst/>
          </a:prstGeom>
        </p:spPr>
        <p:txBody>
          <a:bodyPr/>
          <a:lstStyle>
            <a:lvl1pPr marL="136800" indent="-1368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Font typeface="Calibri Light" panose="020F0302020204030204" pitchFamily="34" charset="0"/>
              <a:buChar char="•"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2736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rgbClr val="9EC3E1"/>
              </a:buClr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2pPr>
            <a:lvl3pPr marL="410400" indent="-1368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Calibri Light" panose="020F0302020204030204" pitchFamily="34" charset="0"/>
              <a:buChar char="​"/>
              <a:defRPr sz="2800" b="1" kern="1200" cap="all" spc="200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tabLst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Font typeface="Berlingske Serif Text Office"/>
              <a:buNone/>
              <a:defRPr sz="1600" b="1" kern="1200" cap="all" spc="18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marR="0" indent="0" algn="l" defTabSz="914400" rtl="0" eaLnBrk="1" fontAlgn="auto" latinLnBrk="0" hangingPunct="1">
              <a:lnSpc>
                <a:spcPct val="90000"/>
              </a:lnSpc>
              <a:spcBef>
                <a:spcPts val="200"/>
              </a:spcBef>
              <a:spcAft>
                <a:spcPts val="400"/>
              </a:spcAft>
              <a:buClrTx/>
              <a:buSzTx/>
              <a:buFont typeface="Calibri Light" panose="020F0302020204030204" pitchFamily="34" charset="0"/>
              <a:buChar char="​"/>
              <a:tabLst/>
              <a:defRPr sz="1200" b="0" kern="1200" cap="none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40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74000"/>
              </a:lnSpc>
              <a:spcBef>
                <a:spcPts val="120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defRPr sz="7500" kern="1200" cap="all" baseline="0">
                <a:solidFill>
                  <a:srgbClr val="D8E7F3"/>
                </a:solidFill>
                <a:latin typeface="+mj-lt"/>
                <a:ea typeface="+mn-ea"/>
                <a:cs typeface="+mn-cs"/>
              </a:defRPr>
            </a:lvl9pPr>
          </a:lstStyle>
          <a:p>
            <a:pPr lvl="6"/>
            <a:r>
              <a:rPr lang="en-GB" sz="1000" b="1" dirty="0"/>
              <a:t>CONFIDENTIAL – DO NOT DISTRIBUTE: </a:t>
            </a:r>
            <a:r>
              <a:rPr lang="en-GB" sz="1000" dirty="0"/>
              <a:t>This presentation contains confidential information and is presented only with the understanding that it’s contents and ideas will not be shared with external groups.</a:t>
            </a:r>
          </a:p>
        </p:txBody>
      </p:sp>
      <p:pic>
        <p:nvPicPr>
          <p:cNvPr id="3" name="Picture 2" descr="{&quot;templafy&quot;:{&quot;id&quot;:&quot;a9884518-e809-45f9-b879-eb22e3f53b9c&quot;}}">
            <a:extLst>
              <a:ext uri="{FF2B5EF4-FFF2-40B4-BE49-F238E27FC236}">
                <a16:creationId xmlns:a16="http://schemas.microsoft.com/office/drawing/2014/main" id="{4AE405E5-D23E-C6DF-9BC5-C5E7929B9A5A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>
          <a:xfrm>
            <a:off x="705398" y="686716"/>
            <a:ext cx="5080000" cy="1270000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6632A84-95DC-86A2-B086-54BE7F9D71B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0725" y="4431625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75717D82-8664-2928-A62E-9A179B3D67C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20000" y="4648642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DB176976-FAE5-029A-CDCB-335D2D5D0B9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20000" y="494409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da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828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74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5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B292795-53E5-D4AE-7881-39C23A693A20}"/>
              </a:ext>
            </a:extLst>
          </p:cNvPr>
          <p:cNvSpPr/>
          <p:nvPr userDrawn="1"/>
        </p:nvSpPr>
        <p:spPr>
          <a:xfrm>
            <a:off x="9053512" y="0"/>
            <a:ext cx="3138487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212062" y="7200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212062" y="36068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7D0E8A7-F71B-DA02-9636-65342A59D1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19999"/>
            <a:ext cx="2416913" cy="2529613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0439221F-1453-B601-B3A1-2760F20CC76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606800"/>
            <a:ext cx="2416175" cy="25304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  <p:pic>
        <p:nvPicPr>
          <p:cNvPr id="5" name="Picture 4" descr="{&quot;templafy&quot;:{&quot;id&quot;:&quot;e35771ea-2314-42ff-84d2-f23d7102ba47&quot;}}">
            <a:extLst>
              <a:ext uri="{FF2B5EF4-FFF2-40B4-BE49-F238E27FC236}">
                <a16:creationId xmlns:a16="http://schemas.microsoft.com/office/drawing/2014/main" id="{BCBDBAA9-0104-155A-20A0-0C2ECE3BBC8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875a83f5-0373-4a92-b1f5-753c03e18286&quot;}}">
            <a:extLst>
              <a:ext uri="{FF2B5EF4-FFF2-40B4-BE49-F238E27FC236}">
                <a16:creationId xmlns:a16="http://schemas.microsoft.com/office/drawing/2014/main" id="{BA2E874D-A0AF-661A-4735-E805B69A99EF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6534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2047">
          <p15:clr>
            <a:srgbClr val="FF96FF"/>
          </p15:clr>
        </p15:guide>
        <p15:guide id="5" orient="horz" pos="2273">
          <p15:clr>
            <a:srgbClr val="FF96FF"/>
          </p15:clr>
        </p15:guide>
        <p15:guide id="6" orient="horz" pos="3866">
          <p15:clr>
            <a:srgbClr val="FF96FF"/>
          </p15:clr>
        </p15:guide>
        <p15:guide id="7" pos="453">
          <p15:clr>
            <a:srgbClr val="FF96FF"/>
          </p15:clr>
        </p15:guide>
        <p15:guide id="8" pos="810">
          <p15:clr>
            <a:srgbClr val="FF96FF"/>
          </p15:clr>
        </p15:guide>
        <p15:guide id="9" pos="1036">
          <p15:clr>
            <a:srgbClr val="FF96FF"/>
          </p15:clr>
        </p15:guide>
        <p15:guide id="10" pos="1393">
          <p15:clr>
            <a:srgbClr val="FF96FF"/>
          </p15:clr>
        </p15:guide>
        <p15:guide id="11" pos="1620">
          <p15:clr>
            <a:srgbClr val="FF96FF"/>
          </p15:clr>
        </p15:guide>
        <p15:guide id="12" pos="1976">
          <p15:clr>
            <a:srgbClr val="FF96FF"/>
          </p15:clr>
        </p15:guide>
        <p15:guide id="13" pos="2203">
          <p15:clr>
            <a:srgbClr val="FF96FF"/>
          </p15:clr>
        </p15:guide>
        <p15:guide id="14" pos="2560">
          <p15:clr>
            <a:srgbClr val="FF96FF"/>
          </p15:clr>
        </p15:guide>
        <p15:guide id="15" pos="2786">
          <p15:clr>
            <a:srgbClr val="FF96FF"/>
          </p15:clr>
        </p15:guide>
        <p15:guide id="16" pos="3143">
          <p15:clr>
            <a:srgbClr val="FF96FF"/>
          </p15:clr>
        </p15:guide>
        <p15:guide id="17" pos="3370">
          <p15:clr>
            <a:srgbClr val="FF96FF"/>
          </p15:clr>
        </p15:guide>
        <p15:guide id="18" pos="3726">
          <p15:clr>
            <a:srgbClr val="FF96FF"/>
          </p15:clr>
        </p15:guide>
        <p15:guide id="19" pos="3953">
          <p15:clr>
            <a:srgbClr val="FF96FF"/>
          </p15:clr>
        </p15:guide>
        <p15:guide id="20" pos="4309">
          <p15:clr>
            <a:srgbClr val="FF96FF"/>
          </p15:clr>
        </p15:guide>
        <p15:guide id="21" pos="4536">
          <p15:clr>
            <a:srgbClr val="FF96FF"/>
          </p15:clr>
        </p15:guide>
        <p15:guide id="22" pos="4893">
          <p15:clr>
            <a:srgbClr val="FF96FF"/>
          </p15:clr>
        </p15:guide>
        <p15:guide id="23" pos="5120">
          <p15:clr>
            <a:srgbClr val="FF96FF"/>
          </p15:clr>
        </p15:guide>
        <p15:guide id="24" pos="5476">
          <p15:clr>
            <a:srgbClr val="FF96FF"/>
          </p15:clr>
        </p15:guide>
        <p15:guide id="25" pos="5703">
          <p15:clr>
            <a:srgbClr val="FF96FF"/>
          </p15:clr>
        </p15:guide>
        <p15:guide id="26" pos="6059">
          <p15:clr>
            <a:srgbClr val="FF96FF"/>
          </p15:clr>
        </p15:guide>
        <p15:guide id="27" pos="6286">
          <p15:clr>
            <a:srgbClr val="FF96FF"/>
          </p15:clr>
        </p15:guide>
        <p15:guide id="28" pos="6643">
          <p15:clr>
            <a:srgbClr val="FF96FF"/>
          </p15:clr>
        </p15:guide>
        <p15:guide id="29" pos="6869">
          <p15:clr>
            <a:srgbClr val="FF96FF"/>
          </p15:clr>
        </p15:guide>
        <p15:guide id="30" pos="7226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HETORICAL Two tex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6097200" y="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5018400" cy="1774800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1" y="2854075"/>
            <a:ext cx="5195885" cy="32832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3" y="2854075"/>
            <a:ext cx="5195887" cy="3283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3">
            <a:extLst>
              <a:ext uri="{FF2B5EF4-FFF2-40B4-BE49-F238E27FC236}">
                <a16:creationId xmlns:a16="http://schemas.microsoft.com/office/drawing/2014/main" id="{DF49F1D1-5694-C367-AC0A-3B106690283C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6280801" y="719138"/>
            <a:ext cx="5195885" cy="1775662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1" cap="none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</p:txBody>
      </p:sp>
      <p:pic>
        <p:nvPicPr>
          <p:cNvPr id="8" name="Picture 7" descr="{&quot;templafy&quot;:{&quot;id&quot;:&quot;56d53198-ece2-46f8-90b5-ac51714ccd65&quot;}}">
            <a:extLst>
              <a:ext uri="{FF2B5EF4-FFF2-40B4-BE49-F238E27FC236}">
                <a16:creationId xmlns:a16="http://schemas.microsoft.com/office/drawing/2014/main" id="{9AB21CF3-F9E7-CDF5-6346-06FC3A2C5F5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7d54bae3-fead-4acd-90f9-4c027396eb58&quot;}}">
            <a:extLst>
              <a:ext uri="{FF2B5EF4-FFF2-40B4-BE49-F238E27FC236}">
                <a16:creationId xmlns:a16="http://schemas.microsoft.com/office/drawing/2014/main" id="{9EF44D02-3679-66D2-3F26-4E61DC923005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1194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570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7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  <p15:guide id="29" orient="horz" pos="1797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03C7688E-2109-B3A6-BB30-ED06B927D9A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6094801" y="0"/>
            <a:ext cx="60972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0" y="0"/>
            <a:ext cx="6094800" cy="6858000"/>
          </a:xfrm>
          <a:prstGeom prst="rect">
            <a:avLst/>
          </a:prstGeom>
          <a:gradFill>
            <a:gsLst>
              <a:gs pos="38000">
                <a:srgbClr val="D8E7F3"/>
              </a:gs>
              <a:gs pos="100000">
                <a:schemeClr val="bg1"/>
              </a:gs>
            </a:gsLst>
            <a:lin ang="27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964E4448-A264-7659-B7F9-D4E3F0409CEF}"/>
              </a:ext>
            </a:extLst>
          </p:cNvPr>
          <p:cNvSpPr/>
          <p:nvPr userDrawn="1"/>
        </p:nvSpPr>
        <p:spPr>
          <a:xfrm>
            <a:off x="719138" y="1150830"/>
            <a:ext cx="698644" cy="535303"/>
          </a:xfrm>
          <a:custGeom>
            <a:avLst/>
            <a:gdLst>
              <a:gd name="connsiteX0" fmla="*/ 772947 w 828408"/>
              <a:gd name="connsiteY0" fmla="*/ 0 h 634729"/>
              <a:gd name="connsiteX1" fmla="*/ 772947 w 828408"/>
              <a:gd name="connsiteY1" fmla="*/ 50532 h 634729"/>
              <a:gd name="connsiteX2" fmla="*/ 617654 w 828408"/>
              <a:gd name="connsiteY2" fmla="*/ 168850 h 634729"/>
              <a:gd name="connsiteX3" fmla="*/ 570819 w 828408"/>
              <a:gd name="connsiteY3" fmla="*/ 303191 h 634729"/>
              <a:gd name="connsiteX4" fmla="*/ 583144 w 828408"/>
              <a:gd name="connsiteY4" fmla="*/ 362350 h 634729"/>
              <a:gd name="connsiteX5" fmla="*/ 610259 w 828408"/>
              <a:gd name="connsiteY5" fmla="*/ 379605 h 634729"/>
              <a:gd name="connsiteX6" fmla="*/ 653396 w 828408"/>
              <a:gd name="connsiteY6" fmla="*/ 370361 h 634729"/>
              <a:gd name="connsiteX7" fmla="*/ 702695 w 828408"/>
              <a:gd name="connsiteY7" fmla="*/ 361118 h 634729"/>
              <a:gd name="connsiteX8" fmla="*/ 790818 w 828408"/>
              <a:gd name="connsiteY8" fmla="*/ 398709 h 634729"/>
              <a:gd name="connsiteX9" fmla="*/ 828408 w 828408"/>
              <a:gd name="connsiteY9" fmla="*/ 490529 h 634729"/>
              <a:gd name="connsiteX10" fmla="*/ 782806 w 828408"/>
              <a:gd name="connsiteY10" fmla="*/ 592208 h 634729"/>
              <a:gd name="connsiteX11" fmla="*/ 669418 w 828408"/>
              <a:gd name="connsiteY11" fmla="*/ 634729 h 634729"/>
              <a:gd name="connsiteX12" fmla="*/ 520288 w 828408"/>
              <a:gd name="connsiteY12" fmla="*/ 563245 h 634729"/>
              <a:gd name="connsiteX13" fmla="*/ 453733 w 828408"/>
              <a:gd name="connsiteY13" fmla="*/ 387000 h 634729"/>
              <a:gd name="connsiteX14" fmla="*/ 535694 w 828408"/>
              <a:gd name="connsiteY14" fmla="*/ 157142 h 634729"/>
              <a:gd name="connsiteX15" fmla="*/ 772947 w 828408"/>
              <a:gd name="connsiteY15" fmla="*/ 0 h 634729"/>
              <a:gd name="connsiteX16" fmla="*/ 319214 w 828408"/>
              <a:gd name="connsiteY16" fmla="*/ 0 h 634729"/>
              <a:gd name="connsiteX17" fmla="*/ 319214 w 828408"/>
              <a:gd name="connsiteY17" fmla="*/ 50532 h 634729"/>
              <a:gd name="connsiteX18" fmla="*/ 163921 w 828408"/>
              <a:gd name="connsiteY18" fmla="*/ 168850 h 634729"/>
              <a:gd name="connsiteX19" fmla="*/ 117086 w 828408"/>
              <a:gd name="connsiteY19" fmla="*/ 303191 h 634729"/>
              <a:gd name="connsiteX20" fmla="*/ 129411 w 828408"/>
              <a:gd name="connsiteY20" fmla="*/ 362350 h 634729"/>
              <a:gd name="connsiteX21" fmla="*/ 156526 w 828408"/>
              <a:gd name="connsiteY21" fmla="*/ 379605 h 634729"/>
              <a:gd name="connsiteX22" fmla="*/ 199663 w 828408"/>
              <a:gd name="connsiteY22" fmla="*/ 370361 h 634729"/>
              <a:gd name="connsiteX23" fmla="*/ 248962 w 828408"/>
              <a:gd name="connsiteY23" fmla="*/ 361118 h 634729"/>
              <a:gd name="connsiteX24" fmla="*/ 337085 w 828408"/>
              <a:gd name="connsiteY24" fmla="*/ 398709 h 634729"/>
              <a:gd name="connsiteX25" fmla="*/ 374675 w 828408"/>
              <a:gd name="connsiteY25" fmla="*/ 490529 h 634729"/>
              <a:gd name="connsiteX26" fmla="*/ 329073 w 828408"/>
              <a:gd name="connsiteY26" fmla="*/ 592208 h 634729"/>
              <a:gd name="connsiteX27" fmla="*/ 215685 w 828408"/>
              <a:gd name="connsiteY27" fmla="*/ 634729 h 634729"/>
              <a:gd name="connsiteX28" fmla="*/ 66555 w 828408"/>
              <a:gd name="connsiteY28" fmla="*/ 563245 h 634729"/>
              <a:gd name="connsiteX29" fmla="*/ 0 w 828408"/>
              <a:gd name="connsiteY29" fmla="*/ 387000 h 634729"/>
              <a:gd name="connsiteX30" fmla="*/ 81961 w 828408"/>
              <a:gd name="connsiteY30" fmla="*/ 157142 h 634729"/>
              <a:gd name="connsiteX31" fmla="*/ 319214 w 828408"/>
              <a:gd name="connsiteY31" fmla="*/ 0 h 6347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828408" h="634729">
                <a:moveTo>
                  <a:pt x="772947" y="0"/>
                </a:moveTo>
                <a:lnTo>
                  <a:pt x="772947" y="50532"/>
                </a:lnTo>
                <a:cubicBezTo>
                  <a:pt x="700641" y="88328"/>
                  <a:pt x="648877" y="127768"/>
                  <a:pt x="617654" y="168850"/>
                </a:cubicBezTo>
                <a:cubicBezTo>
                  <a:pt x="586431" y="209933"/>
                  <a:pt x="570819" y="254713"/>
                  <a:pt x="570819" y="303191"/>
                </a:cubicBezTo>
                <a:cubicBezTo>
                  <a:pt x="570819" y="331949"/>
                  <a:pt x="574928" y="351669"/>
                  <a:pt x="583144" y="362350"/>
                </a:cubicBezTo>
                <a:cubicBezTo>
                  <a:pt x="590539" y="373854"/>
                  <a:pt x="599577" y="379605"/>
                  <a:pt x="610259" y="379605"/>
                </a:cubicBezTo>
                <a:cubicBezTo>
                  <a:pt x="620940" y="379605"/>
                  <a:pt x="635319" y="376524"/>
                  <a:pt x="653396" y="370361"/>
                </a:cubicBezTo>
                <a:cubicBezTo>
                  <a:pt x="671472" y="364199"/>
                  <a:pt x="687905" y="361118"/>
                  <a:pt x="702695" y="361118"/>
                </a:cubicBezTo>
                <a:cubicBezTo>
                  <a:pt x="736383" y="361118"/>
                  <a:pt x="765757" y="373648"/>
                  <a:pt x="790818" y="398709"/>
                </a:cubicBezTo>
                <a:cubicBezTo>
                  <a:pt x="815878" y="423769"/>
                  <a:pt x="828408" y="454376"/>
                  <a:pt x="828408" y="490529"/>
                </a:cubicBezTo>
                <a:cubicBezTo>
                  <a:pt x="828408" y="529968"/>
                  <a:pt x="813208" y="563861"/>
                  <a:pt x="782806" y="592208"/>
                </a:cubicBezTo>
                <a:cubicBezTo>
                  <a:pt x="752405" y="620555"/>
                  <a:pt x="714609" y="634729"/>
                  <a:pt x="669418" y="634729"/>
                </a:cubicBezTo>
                <a:cubicBezTo>
                  <a:pt x="614367" y="634729"/>
                  <a:pt x="564657" y="610901"/>
                  <a:pt x="520288" y="563245"/>
                </a:cubicBezTo>
                <a:cubicBezTo>
                  <a:pt x="475918" y="515589"/>
                  <a:pt x="453733" y="456841"/>
                  <a:pt x="453733" y="387000"/>
                </a:cubicBezTo>
                <a:cubicBezTo>
                  <a:pt x="453733" y="304834"/>
                  <a:pt x="481053" y="228215"/>
                  <a:pt x="535694" y="157142"/>
                </a:cubicBezTo>
                <a:cubicBezTo>
                  <a:pt x="590334" y="86069"/>
                  <a:pt x="669418" y="33688"/>
                  <a:pt x="772947" y="0"/>
                </a:cubicBezTo>
                <a:close/>
                <a:moveTo>
                  <a:pt x="319214" y="0"/>
                </a:moveTo>
                <a:lnTo>
                  <a:pt x="319214" y="50532"/>
                </a:lnTo>
                <a:cubicBezTo>
                  <a:pt x="246908" y="88328"/>
                  <a:pt x="195144" y="127768"/>
                  <a:pt x="163921" y="168850"/>
                </a:cubicBezTo>
                <a:cubicBezTo>
                  <a:pt x="132698" y="209933"/>
                  <a:pt x="117086" y="254713"/>
                  <a:pt x="117086" y="303191"/>
                </a:cubicBezTo>
                <a:cubicBezTo>
                  <a:pt x="117086" y="331949"/>
                  <a:pt x="121195" y="351669"/>
                  <a:pt x="129411" y="362350"/>
                </a:cubicBezTo>
                <a:cubicBezTo>
                  <a:pt x="136806" y="373854"/>
                  <a:pt x="145844" y="379605"/>
                  <a:pt x="156526" y="379605"/>
                </a:cubicBezTo>
                <a:cubicBezTo>
                  <a:pt x="167207" y="379605"/>
                  <a:pt x="181586" y="376524"/>
                  <a:pt x="199663" y="370361"/>
                </a:cubicBezTo>
                <a:cubicBezTo>
                  <a:pt x="217739" y="364199"/>
                  <a:pt x="234172" y="361118"/>
                  <a:pt x="248962" y="361118"/>
                </a:cubicBezTo>
                <a:cubicBezTo>
                  <a:pt x="282650" y="361118"/>
                  <a:pt x="312024" y="373648"/>
                  <a:pt x="337085" y="398709"/>
                </a:cubicBezTo>
                <a:cubicBezTo>
                  <a:pt x="362145" y="423769"/>
                  <a:pt x="374675" y="454376"/>
                  <a:pt x="374675" y="490529"/>
                </a:cubicBezTo>
                <a:cubicBezTo>
                  <a:pt x="374675" y="529968"/>
                  <a:pt x="359475" y="563861"/>
                  <a:pt x="329073" y="592208"/>
                </a:cubicBezTo>
                <a:cubicBezTo>
                  <a:pt x="298672" y="620555"/>
                  <a:pt x="260876" y="634729"/>
                  <a:pt x="215685" y="634729"/>
                </a:cubicBezTo>
                <a:cubicBezTo>
                  <a:pt x="160634" y="634729"/>
                  <a:pt x="110924" y="610901"/>
                  <a:pt x="66555" y="563245"/>
                </a:cubicBezTo>
                <a:cubicBezTo>
                  <a:pt x="22185" y="515589"/>
                  <a:pt x="0" y="456841"/>
                  <a:pt x="0" y="387000"/>
                </a:cubicBezTo>
                <a:cubicBezTo>
                  <a:pt x="0" y="304834"/>
                  <a:pt x="27320" y="228215"/>
                  <a:pt x="81961" y="157142"/>
                </a:cubicBezTo>
                <a:cubicBezTo>
                  <a:pt x="136601" y="86069"/>
                  <a:pt x="215685" y="33688"/>
                  <a:pt x="319214" y="0"/>
                </a:cubicBezTo>
                <a:close/>
              </a:path>
            </a:pathLst>
          </a:custGeom>
          <a:solidFill>
            <a:schemeClr val="bg1">
              <a:alpha val="92631"/>
            </a:schemeClr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70000"/>
              </a:lnSpc>
              <a:spcBef>
                <a:spcPct val="0"/>
              </a:spcBef>
            </a:pPr>
            <a:endParaRPr lang="en-US" sz="19900" cap="all" spc="200">
              <a:solidFill>
                <a:schemeClr val="accent3">
                  <a:lumMod val="60000"/>
                  <a:lumOff val="40000"/>
                  <a:alpha val="51000"/>
                </a:schemeClr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43D0F9-D9A7-1DFC-34B6-C81535D1FE7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1713599"/>
            <a:ext cx="5018400" cy="4424399"/>
          </a:xfrm>
        </p:spPr>
        <p:txBody>
          <a:bodyPr>
            <a:noAutofit/>
          </a:bodyPr>
          <a:lstStyle>
            <a:lvl1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endParaRPr lang="en-GB" dirty="0"/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F1E71275-5CC0-6348-59EF-6E51946B9E5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94800" y="4618075"/>
            <a:ext cx="6097199" cy="1519200"/>
          </a:xfrm>
          <a:solidFill>
            <a:schemeClr val="bg1"/>
          </a:solidFill>
        </p:spPr>
        <p:txBody>
          <a:bodyPr lIns="360000" tIns="180000" rIns="360000" bIns="180000"/>
          <a:lstStyle>
            <a:lvl5pPr>
              <a:defRPr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pic>
        <p:nvPicPr>
          <p:cNvPr id="6" name="Picture 5" descr="{&quot;templafy&quot;:{&quot;id&quot;:&quot;09823eff-6d39-4c6a-9e27-d0dde9fef719&quot;}}">
            <a:extLst>
              <a:ext uri="{FF2B5EF4-FFF2-40B4-BE49-F238E27FC236}">
                <a16:creationId xmlns:a16="http://schemas.microsoft.com/office/drawing/2014/main" id="{574BE83B-6D0A-1C0E-DB52-F15D3480386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a0b8f042-da56-447d-aabe-b470836402d6&quot;}}">
            <a:extLst>
              <a:ext uri="{FF2B5EF4-FFF2-40B4-BE49-F238E27FC236}">
                <a16:creationId xmlns:a16="http://schemas.microsoft.com/office/drawing/2014/main" id="{A80C66D1-BF62-1820-E781-B9E90AE42474}"/>
              </a:ext>
            </a:extLst>
          </p:cNvPr>
          <p:cNvSpPr/>
          <p:nvPr userDrawn="1"/>
        </p:nvSpPr>
        <p:spPr>
          <a:xfrm>
            <a:off x="493669" y="6439469"/>
            <a:ext cx="52447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895787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ocial Media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76F6AE-16AC-0583-7B95-974948C87A5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519416"/>
            <a:ext cx="2534277" cy="4913784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70E6DDC2-540A-5800-73D7-E95E8BC5AAB0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7276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Social Media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54DDE5B-1F2D-F372-3892-57D934C69F4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101138"/>
            <a:ext cx="2534277" cy="4913784"/>
          </a:xfrm>
          <a:prstGeom prst="rect">
            <a:avLst/>
          </a:prstGeom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565ECB4D-3B90-B975-5CC9-1D11DD4EF38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3" name="Picture Placeholder 9">
            <a:extLst>
              <a:ext uri="{FF2B5EF4-FFF2-40B4-BE49-F238E27FC236}">
                <a16:creationId xmlns:a16="http://schemas.microsoft.com/office/drawing/2014/main" id="{C74AAC9F-FD31-5ADB-B824-244A192375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3" name="Picture 2" descr="{&quot;templafy&quot;:{&quot;id&quot;:&quot;80ae1fee-ac8b-4b5a-b665-32d8a20e424a&quot;}}">
            <a:extLst>
              <a:ext uri="{FF2B5EF4-FFF2-40B4-BE49-F238E27FC236}">
                <a16:creationId xmlns:a16="http://schemas.microsoft.com/office/drawing/2014/main" id="{F2A68A00-2268-3853-D0B8-E453EDE764C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10" name="Footers" descr="{&quot;templafy&quot;:{&quot;id&quot;:&quot;3b9d9201-1f34-40b7-b145-ddd514793253&quot;}}">
            <a:extLst>
              <a:ext uri="{FF2B5EF4-FFF2-40B4-BE49-F238E27FC236}">
                <a16:creationId xmlns:a16="http://schemas.microsoft.com/office/drawing/2014/main" id="{265503E0-3FF2-ED24-34A7-D5D7C348D4A6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881323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cial Media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868151" y="3463200"/>
            <a:ext cx="2667600" cy="26676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3F15F2C-F25B-7919-7155-CF3E6B955963}"/>
              </a:ext>
            </a:extLst>
          </p:cNvPr>
          <p:cNvSpPr/>
          <p:nvPr userDrawn="1"/>
        </p:nvSpPr>
        <p:spPr>
          <a:xfrm>
            <a:off x="3875404" y="2742753"/>
            <a:ext cx="2412998" cy="72008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9462A8-BA13-5816-CC98-AE8BB418785C}"/>
              </a:ext>
            </a:extLst>
          </p:cNvPr>
          <p:cNvSpPr/>
          <p:nvPr userDrawn="1"/>
        </p:nvSpPr>
        <p:spPr>
          <a:xfrm>
            <a:off x="6455926" y="2742753"/>
            <a:ext cx="2412998" cy="7200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621D1A5-EF12-E62C-AC4E-BE6CA3AB39B5}"/>
              </a:ext>
            </a:extLst>
          </p:cNvPr>
          <p:cNvSpPr/>
          <p:nvPr userDrawn="1"/>
        </p:nvSpPr>
        <p:spPr>
          <a:xfrm>
            <a:off x="9053513" y="2742753"/>
            <a:ext cx="2437413" cy="7200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5" name="Picture Placeholder 9">
            <a:extLst>
              <a:ext uri="{FF2B5EF4-FFF2-40B4-BE49-F238E27FC236}">
                <a16:creationId xmlns:a16="http://schemas.microsoft.com/office/drawing/2014/main" id="{309FF903-CC38-4C37-5750-8228E5B698D9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3875903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5AFC5333-4349-556A-AA4C-8264633D8826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456425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7" name="Picture Placeholder 9">
            <a:extLst>
              <a:ext uri="{FF2B5EF4-FFF2-40B4-BE49-F238E27FC236}">
                <a16:creationId xmlns:a16="http://schemas.microsoft.com/office/drawing/2014/main" id="{76FE539F-EA02-11A6-24A3-64094D6D449E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9066219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0812D6A1-9301-DA4C-0FE8-A2FA9AC562D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875903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1A5EDA48-C466-DD48-83BE-B58C6F8C2FE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456425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C7BD399E-3BDD-357D-3173-CEF24905CB9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066219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D63E4F2-A49E-1CAC-AD88-6A5278BE8C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0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15F6F11-90AC-E501-9C5A-58F94185AE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47225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61049E31-3DE3-F475-AAC8-ED15887EDCC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57019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26854C-0F3F-4897-A932-6F260094620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 b="24590"/>
          <a:stretch/>
        </p:blipFill>
        <p:spPr>
          <a:xfrm>
            <a:off x="339903" y="1412777"/>
            <a:ext cx="3724097" cy="5445224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3" name="Picture 2" descr="{&quot;templafy&quot;:{&quot;id&quot;:&quot;b1ae6410-96bd-487e-9b9d-4d096373c313&quot;}}">
            <a:extLst>
              <a:ext uri="{FF2B5EF4-FFF2-40B4-BE49-F238E27FC236}">
                <a16:creationId xmlns:a16="http://schemas.microsoft.com/office/drawing/2014/main" id="{AE01702C-E85C-8C01-9A36-B0D32FB04525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55846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ne Scree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45805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11D87860-7BDA-6ACF-8AD2-853F44125DA8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453733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7BB32CB-B29F-4116-9105-192016E0603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4218695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498695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6EE0956-AB5F-AC03-EAB3-36441D8851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125433" y="1492098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17DACB36-D4E1-F498-4226-F130DA4F5BC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000364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2605CA00-36D2-E3AA-8BE8-1E472C3C45D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6672064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9564246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evices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9147874-D641-36E1-03C9-5414641E949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5210176" y="2034000"/>
            <a:ext cx="5608678" cy="3341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D1D222DE-C8E6-D25C-E6F2-0624A2B9EC69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10220325" y="3143249"/>
            <a:ext cx="1355726" cy="29368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84BED-AAA1-1FE1-26B0-C3711E7D650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980535" y="2869499"/>
            <a:ext cx="1876105" cy="3367813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pic>
        <p:nvPicPr>
          <p:cNvPr id="3" name="Picture 2" descr="{&quot;templafy&quot;:{&quot;id&quot;:&quot;346f931c-544f-4120-8c55-eb9bf1270399&quot;}}">
            <a:extLst>
              <a:ext uri="{FF2B5EF4-FFF2-40B4-BE49-F238E27FC236}">
                <a16:creationId xmlns:a16="http://schemas.microsoft.com/office/drawing/2014/main" id="{460B2B13-E69E-08BD-1DEB-85981624BF10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12" name="Footers" descr="{&quot;templafy&quot;:{&quot;id&quot;:&quot;6d670e35-cbef-4614-a404-696cc2bd32a4&quot;}}">
            <a:extLst>
              <a:ext uri="{FF2B5EF4-FFF2-40B4-BE49-F238E27FC236}">
                <a16:creationId xmlns:a16="http://schemas.microsoft.com/office/drawing/2014/main" id="{659BA62A-A8BE-FA03-5F36-97B41E501250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535741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p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00650" y="2041524"/>
            <a:ext cx="5591175" cy="3343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344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D7C6D-AFB7-4703-6ED0-E0A861DE56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31162586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 Laptop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3345689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33486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D819A63-FF9D-A3D7-5D19-99428A5AB4F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14938" y="2034000"/>
            <a:ext cx="5572125" cy="334762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39E2188-EF07-418A-877E-B5F25E893A6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pic>
        <p:nvPicPr>
          <p:cNvPr id="10" name="Picture 9" descr="{&quot;templafy&quot;:{&quot;id&quot;:&quot;9a3348f9-3695-4f0d-9b05-1b8d7ea6a245&quot;}}">
            <a:extLst>
              <a:ext uri="{FF2B5EF4-FFF2-40B4-BE49-F238E27FC236}">
                <a16:creationId xmlns:a16="http://schemas.microsoft.com/office/drawing/2014/main" id="{370B13EF-D1EE-AF4A-7258-CCD767700C6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069cb4a2-ce11-4ab2-b95b-776146bb6cfb&quot;}}">
            <a:extLst>
              <a:ext uri="{FF2B5EF4-FFF2-40B4-BE49-F238E27FC236}">
                <a16:creationId xmlns:a16="http://schemas.microsoft.com/office/drawing/2014/main" id="{A8E3D4F8-4824-4C0A-18D2-867C9C52094C}"/>
              </a:ext>
            </a:extLst>
          </p:cNvPr>
          <p:cNvSpPr/>
          <p:nvPr userDrawn="1"/>
        </p:nvSpPr>
        <p:spPr>
          <a:xfrm>
            <a:off x="493669" y="6439469"/>
            <a:ext cx="54175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312083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/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3638FD4C-1242-FA12-1AE1-9624BF414B2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027837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bar Billboard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F21E9437-E9FE-CAAE-4F68-75579172410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612"/>
          <a:stretch/>
        </p:blipFill>
        <p:spPr>
          <a:xfrm>
            <a:off x="2597949" y="4554"/>
            <a:ext cx="9594051" cy="6848892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98F3588-281E-71E0-698D-DE2EFA5D7E6E}"/>
              </a:ext>
            </a:extLst>
          </p:cNvPr>
          <p:cNvSpPr/>
          <p:nvPr userDrawn="1"/>
        </p:nvSpPr>
        <p:spPr>
          <a:xfrm>
            <a:off x="0" y="1"/>
            <a:ext cx="3503778" cy="6858000"/>
          </a:xfrm>
          <a:prstGeom prst="rect">
            <a:avLst/>
          </a:prstGeom>
          <a:gradFill flip="none" rotWithShape="1">
            <a:gsLst>
              <a:gs pos="86000">
                <a:srgbClr val="1F538F"/>
              </a:gs>
              <a:gs pos="60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9" y="720000"/>
            <a:ext cx="2417761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24215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3DD438D-2CD1-72E2-C5C5-E3BE4E45323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127500" y="2048399"/>
            <a:ext cx="7082900" cy="2622025"/>
          </a:xfrm>
          <a:solidFill>
            <a:schemeClr val="bg1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pic>
        <p:nvPicPr>
          <p:cNvPr id="6" name="Picture 5" descr="{&quot;templafy&quot;:{&quot;id&quot;:&quot;a5bf3f9d-fef5-471f-b453-a01eeb931449&quot;}}">
            <a:extLst>
              <a:ext uri="{FF2B5EF4-FFF2-40B4-BE49-F238E27FC236}">
                <a16:creationId xmlns:a16="http://schemas.microsoft.com/office/drawing/2014/main" id="{DF07889E-C362-E03E-B3DC-509150D9373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5" name="Footers" descr="{&quot;templafy&quot;:{&quot;id&quot;:&quot;27bebbe9-4f16-41cf-8f7d-2774f3807d6f&quot;}}">
            <a:extLst>
              <a:ext uri="{FF2B5EF4-FFF2-40B4-BE49-F238E27FC236}">
                <a16:creationId xmlns:a16="http://schemas.microsoft.com/office/drawing/2014/main" id="{5FF96054-72DE-8601-1E1E-8784184272B8}"/>
              </a:ext>
            </a:extLst>
          </p:cNvPr>
          <p:cNvSpPr/>
          <p:nvPr userDrawn="1"/>
        </p:nvSpPr>
        <p:spPr>
          <a:xfrm>
            <a:off x="493669" y="6439469"/>
            <a:ext cx="2643231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599508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gazin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6122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2367BA-8F05-446D-84E4-1D4A251DEF0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651822" y="1628880"/>
            <a:ext cx="3751231" cy="4509120"/>
          </a:xfrm>
          <a:prstGeom prst="rect">
            <a:avLst/>
          </a:prstGeom>
          <a:effectLst>
            <a:outerShdw blurRad="193495" dist="146531" dir="3540000" sx="99000" sy="99000" algn="t" rotWithShape="0">
              <a:prstClr val="black">
                <a:alpha val="40000"/>
              </a:prstClr>
            </a:outerShdw>
          </a:effectLst>
        </p:spPr>
      </p:pic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8218A61B-6F4F-B694-869D-DF3F3E7BF0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28248" y="1627430"/>
            <a:ext cx="3074765" cy="4509225"/>
          </a:xfrm>
          <a:solidFill>
            <a:schemeClr val="bg1"/>
          </a:solidFill>
        </p:spPr>
        <p:txBody>
          <a:bodyPr tIns="648000" anchor="ctr" anchorCtr="1"/>
          <a:lstStyle/>
          <a:p>
            <a:r>
              <a:rPr lang="en-US" dirty="0"/>
              <a:t>Click icon to add pictur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752E313-28CB-8D27-CE72-0374CF6A9254}"/>
              </a:ext>
            </a:extLst>
          </p:cNvPr>
          <p:cNvSpPr/>
          <p:nvPr userDrawn="1"/>
        </p:nvSpPr>
        <p:spPr>
          <a:xfrm>
            <a:off x="8328248" y="1628155"/>
            <a:ext cx="725265" cy="4509120"/>
          </a:xfrm>
          <a:prstGeom prst="rect">
            <a:avLst/>
          </a:prstGeom>
          <a:gradFill flip="none" rotWithShape="1">
            <a:gsLst>
              <a:gs pos="0">
                <a:schemeClr val="accent4">
                  <a:lumMod val="5000"/>
                  <a:lumOff val="95000"/>
                  <a:alpha val="0"/>
                </a:schemeClr>
              </a:gs>
              <a:gs pos="63000">
                <a:schemeClr val="accent4">
                  <a:lumMod val="45000"/>
                  <a:lumOff val="55000"/>
                  <a:alpha val="66000"/>
                </a:schemeClr>
              </a:gs>
              <a:gs pos="100000">
                <a:schemeClr val="tx1">
                  <a:lumMod val="50000"/>
                  <a:lumOff val="50000"/>
                </a:schemeClr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44243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2" orient="horz" pos="1025">
          <p15:clr>
            <a:srgbClr val="8F8F8F"/>
          </p15:clr>
        </p15:guide>
        <p15:guide id="3" orient="horz" pos="107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Footer i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701F89E3-1860-5814-889C-8F8203A4F6D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21660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3" name="Picture 2" descr="{&quot;templafy&quot;:{&quot;id&quot;:&quot;fff547ef-6d97-409e-be4a-2b785fc031d4&quot;}}">
            <a:extLst>
              <a:ext uri="{FF2B5EF4-FFF2-40B4-BE49-F238E27FC236}">
                <a16:creationId xmlns:a16="http://schemas.microsoft.com/office/drawing/2014/main" id="{6CA5DCA7-8567-AE77-0577-F6F61ED6A40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2" name="Footers" descr="{&quot;templafy&quot;:{&quot;id&quot;:&quot;a040496a-ccb0-44fa-b2ce-572fdf6d85e2&quot;}}">
            <a:extLst>
              <a:ext uri="{FF2B5EF4-FFF2-40B4-BE49-F238E27FC236}">
                <a16:creationId xmlns:a16="http://schemas.microsoft.com/office/drawing/2014/main" id="{671FF6C4-2E7B-8812-247C-481E08287004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931420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Blue BKG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4DA99DF-29E6-9194-487B-0815EC833FA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gradFill flip="none" rotWithShape="1">
            <a:gsLst>
              <a:gs pos="100000">
                <a:srgbClr val="1F538F"/>
              </a:gs>
              <a:gs pos="39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" name="Picture 5" descr="{&quot;templafy&quot;:{&quot;id&quot;:&quot;0f8dcfb0-f636-4b27-bfdc-52d5c23677a6&quot;}}">
            <a:extLst>
              <a:ext uri="{FF2B5EF4-FFF2-40B4-BE49-F238E27FC236}">
                <a16:creationId xmlns:a16="http://schemas.microsoft.com/office/drawing/2014/main" id="{6D806B77-2F88-8165-D000-CD5853815CA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3" name="Footers" descr="{&quot;templafy&quot;:{&quot;id&quot;:&quot;1a1b0807-64cd-4c3e-9ad2-28cb22e7f5b6&quot;}}">
            <a:extLst>
              <a:ext uri="{FF2B5EF4-FFF2-40B4-BE49-F238E27FC236}">
                <a16:creationId xmlns:a16="http://schemas.microsoft.com/office/drawing/2014/main" id="{882B42BA-3646-F146-CA01-0321063D76A1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49925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uides" hidden="1">
            <a:extLst>
              <a:ext uri="{FF2B5EF4-FFF2-40B4-BE49-F238E27FC236}">
                <a16:creationId xmlns:a16="http://schemas.microsoft.com/office/drawing/2014/main" id="{8CBDB7B0-4561-2F0F-FCA3-EB062B65853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54449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A">
    <p:bg>
      <p:bgPr>
        <a:gradFill>
          <a:gsLst>
            <a:gs pos="22000">
              <a:schemeClr val="bg1"/>
            </a:gs>
            <a:gs pos="100000">
              <a:schemeClr val="accent6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38615178-D3EF-0351-B14B-847E20DE72E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3" name="Picture 2" descr="{&quot;templafy&quot;:{&quot;id&quot;:&quot;b918347e-f6a8-4c34-9869-7699f141fdcb&quot;}}">
            <a:extLst>
              <a:ext uri="{FF2B5EF4-FFF2-40B4-BE49-F238E27FC236}">
                <a16:creationId xmlns:a16="http://schemas.microsoft.com/office/drawing/2014/main" id="{F13F3B12-4D78-D84E-FA4F-B2BA6577F0E9}"/>
              </a:ext>
            </a:extLst>
          </p:cNvPr>
          <p:cNvPicPr preferRelativeResize="0"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56000" y="2794000"/>
            <a:ext cx="5080000" cy="127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01083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7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48" userDrawn="1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B">
    <p:bg>
      <p:bgPr>
        <a:gradFill>
          <a:gsLst>
            <a:gs pos="87000">
              <a:srgbClr val="1F538F"/>
            </a:gs>
            <a:gs pos="52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07792B4C-F919-7FC6-37AC-1AC9B390E5F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3" name="Picture 2" descr="{&quot;templafy&quot;:{&quot;id&quot;:&quot;2742bc59-4cda-49a9-afcb-63d96697c9ac&quot;}}">
            <a:extLst>
              <a:ext uri="{FF2B5EF4-FFF2-40B4-BE49-F238E27FC236}">
                <a16:creationId xmlns:a16="http://schemas.microsoft.com/office/drawing/2014/main" id="{92217D94-72CE-F983-4841-BDD30C44FD03}"/>
              </a:ext>
            </a:extLst>
          </p:cNvPr>
          <p:cNvPicPr preferRelativeResize="0"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56000" y="2794000"/>
            <a:ext cx="5080000" cy="127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85135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Guides" hidden="1">
            <a:extLst>
              <a:ext uri="{FF2B5EF4-FFF2-40B4-BE49-F238E27FC236}">
                <a16:creationId xmlns:a16="http://schemas.microsoft.com/office/drawing/2014/main" id="{34F4D84D-8B38-E9C5-1868-7F61784FF06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7F0FCFE-6765-0832-0840-9CF39F36BB4B}"/>
              </a:ext>
            </a:extLst>
          </p:cNvPr>
          <p:cNvSpPr txBox="1"/>
          <p:nvPr userDrawn="1"/>
        </p:nvSpPr>
        <p:spPr>
          <a:xfrm>
            <a:off x="719138" y="719138"/>
            <a:ext cx="10752137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4400" dirty="0">
                <a:solidFill>
                  <a:schemeClr val="bg1"/>
                </a:solidFill>
              </a:rPr>
              <a:t>If you see any </a:t>
            </a:r>
            <a:r>
              <a:rPr lang="en-GB" sz="4400" b="1" i="1" dirty="0">
                <a:solidFill>
                  <a:schemeClr val="bg1"/>
                </a:solidFill>
              </a:rPr>
              <a:t>layouts after this </a:t>
            </a:r>
            <a:r>
              <a:rPr lang="en-GB" sz="4400" dirty="0">
                <a:solidFill>
                  <a:schemeClr val="bg1"/>
                </a:solidFill>
              </a:rPr>
              <a:t>one,</a:t>
            </a:r>
            <a:br>
              <a:rPr lang="en-GB" sz="4400" dirty="0">
                <a:solidFill>
                  <a:schemeClr val="bg1"/>
                </a:solidFill>
              </a:rPr>
            </a:br>
            <a:r>
              <a:rPr lang="en-GB" sz="4400" dirty="0">
                <a:solidFill>
                  <a:schemeClr val="bg1"/>
                </a:solidFill>
              </a:rPr>
              <a:t>do not use them. These layouts are not part of our corporate template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66478E-CC82-DDC4-E285-44F5186FA8EF}"/>
              </a:ext>
            </a:extLst>
          </p:cNvPr>
          <p:cNvSpPr txBox="1"/>
          <p:nvPr userDrawn="1"/>
        </p:nvSpPr>
        <p:spPr>
          <a:xfrm>
            <a:off x="719138" y="2552651"/>
            <a:ext cx="9826625" cy="22467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0" b="1" i="1" dirty="0">
                <a:solidFill>
                  <a:schemeClr val="bg1"/>
                </a:solidFill>
              </a:rPr>
              <a:t>Do not use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A5D99491-12E6-F691-C3B6-1E56D3E5BEA5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0CE8E280-940A-9CA6-05EF-30988A74A821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D0B93E5-EC9B-1CC2-0E61-75FEB63B4820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101A1C46-3C4F-8189-EA0E-23635248B2F4}"/>
              </a:ext>
            </a:extLst>
          </p:cNvPr>
          <p:cNvSpPr txBox="1"/>
          <p:nvPr userDrawn="1"/>
        </p:nvSpPr>
        <p:spPr>
          <a:xfrm>
            <a:off x="719138" y="5142277"/>
            <a:ext cx="10752137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Also notice: Layouts after this might contain potential confidential information.</a:t>
            </a:r>
          </a:p>
        </p:txBody>
      </p:sp>
    </p:spTree>
    <p:extLst>
      <p:ext uri="{BB962C8B-B14F-4D97-AF65-F5344CB8AC3E}">
        <p14:creationId xmlns:p14="http://schemas.microsoft.com/office/powerpoint/2010/main" val="25773989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>
                <a:solidFill>
                  <a:schemeClr val="accent2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F71C5786-03E4-BADA-2C63-BC735E4C49C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3" name="Picture 2" descr="{&quot;templafy&quot;:{&quot;id&quot;:&quot;d49078f7-45db-46d4-b06b-228120b2c43b&quot;}}">
            <a:extLst>
              <a:ext uri="{FF2B5EF4-FFF2-40B4-BE49-F238E27FC236}">
                <a16:creationId xmlns:a16="http://schemas.microsoft.com/office/drawing/2014/main" id="{C2458A8D-3365-E8D8-3E62-1250B4119AE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10" name="Footers" descr="{&quot;templafy&quot;:{&quot;id&quot;:&quot;cfb4fd1e-c66a-411a-ae5f-c627e20bef53&quot;}}">
            <a:extLst>
              <a:ext uri="{FF2B5EF4-FFF2-40B4-BE49-F238E27FC236}">
                <a16:creationId xmlns:a16="http://schemas.microsoft.com/office/drawing/2014/main" id="{EEF98E8D-99B9-1350-CE5D-F9AA9BE7E2C5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297985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3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5" name="Line top Placeholder 20">
            <a:extLst>
              <a:ext uri="{FF2B5EF4-FFF2-40B4-BE49-F238E27FC236}">
                <a16:creationId xmlns:a16="http://schemas.microsoft.com/office/drawing/2014/main" id="{A191D59F-2E4F-9DFD-FEAC-7FF6480D86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53F47F8-2FA5-B3C4-62D6-146B019264A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7C09ABE0-4AC7-DE98-E246-798BA091147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284357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4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2">
                    <a:lumMod val="20000"/>
                    <a:lumOff val="80000"/>
                  </a:schemeClr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7AE78B8-0EB3-C024-37F4-F509882235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fba34d39-4288-4104-906f-f3090191162b&quot;}}">
            <a:extLst>
              <a:ext uri="{FF2B5EF4-FFF2-40B4-BE49-F238E27FC236}">
                <a16:creationId xmlns:a16="http://schemas.microsoft.com/office/drawing/2014/main" id="{C5B8B0C6-994F-7C0E-79D0-C7612832678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924d1b66-fe64-4650-b6f3-dd742a9a2dce&quot;}}">
            <a:extLst>
              <a:ext uri="{FF2B5EF4-FFF2-40B4-BE49-F238E27FC236}">
                <a16:creationId xmlns:a16="http://schemas.microsoft.com/office/drawing/2014/main" id="{EF2D8E63-A6AE-C7A6-2735-88585060CB06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582414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C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18E4D93D-2A45-24EA-FE18-43B286D00ED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90061414-11d8-4e24-b5c6-94a67b836a2e&quot;}}">
            <a:extLst>
              <a:ext uri="{FF2B5EF4-FFF2-40B4-BE49-F238E27FC236}">
                <a16:creationId xmlns:a16="http://schemas.microsoft.com/office/drawing/2014/main" id="{4199ED61-B101-A6BB-A964-7A12C320DA4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509ca165-e425-47e7-9777-c54f52238975&quot;}}">
            <a:extLst>
              <a:ext uri="{FF2B5EF4-FFF2-40B4-BE49-F238E27FC236}">
                <a16:creationId xmlns:a16="http://schemas.microsoft.com/office/drawing/2014/main" id="{9CED20F5-CDB5-9F99-6A6F-CD0A0B138E9D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414368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D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>
                    <a:lumMod val="60000"/>
                    <a:lumOff val="4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EEFCB10F-81AA-2405-D116-45EC588771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8" name="Picture 7" descr="{&quot;templafy&quot;:{&quot;id&quot;:&quot;d898ebc5-d01e-4841-89b5-72d44dc7e9f4&quot;}}">
            <a:extLst>
              <a:ext uri="{FF2B5EF4-FFF2-40B4-BE49-F238E27FC236}">
                <a16:creationId xmlns:a16="http://schemas.microsoft.com/office/drawing/2014/main" id="{1990E970-1158-B61B-2A85-E39E01A3358A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  <p:sp>
        <p:nvSpPr>
          <p:cNvPr id="4" name="Footers" descr="{&quot;templafy&quot;:{&quot;id&quot;:&quot;b72b367b-4531-4ee5-9e1c-dc1b55fb3a1c&quot;}}">
            <a:extLst>
              <a:ext uri="{FF2B5EF4-FFF2-40B4-BE49-F238E27FC236}">
                <a16:creationId xmlns:a16="http://schemas.microsoft.com/office/drawing/2014/main" id="{41C55638-69C1-B0E6-A8A8-64BCE701C9F2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366797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tags" Target="../tags/tag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24653DF-2095-1798-1D71-96071517C202}"/>
              </a:ext>
            </a:extLst>
          </p:cNvPr>
          <p:cNvSpPr>
            <a:spLocks noGrp="1"/>
          </p:cNvSpPr>
          <p:nvPr>
            <p:ph type="title"/>
            <p:custDataLst>
              <p:tags r:id="rId50"/>
            </p:custDataLst>
          </p:nvPr>
        </p:nvSpPr>
        <p:spPr>
          <a:xfrm>
            <a:off x="719138" y="720000"/>
            <a:ext cx="10753724" cy="907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endParaRPr lang="en-US" noProof="0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B3B6BD-6FE3-BE4B-16AE-1D8275ECAA77}"/>
              </a:ext>
            </a:extLst>
          </p:cNvPr>
          <p:cNvSpPr>
            <a:spLocks noGrp="1"/>
          </p:cNvSpPr>
          <p:nvPr>
            <p:ph type="body" idx="1"/>
            <p:custDataLst>
              <p:tags r:id="rId51"/>
            </p:custDataLst>
          </p:nvPr>
        </p:nvSpPr>
        <p:spPr>
          <a:xfrm>
            <a:off x="720000" y="1713599"/>
            <a:ext cx="10752000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e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BFCFEF-8B6A-152F-1EE7-29B8B4C5E8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232417" y="6441068"/>
            <a:ext cx="26125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25</a:t>
            </a:r>
          </a:p>
        </p:txBody>
      </p:sp>
      <p:sp>
        <p:nvSpPr>
          <p:cNvPr id="14" name="Footers" descr="{&quot;templafy&quot;:{&quot;id&quot;:&quot;a65ff867-86bc-4b70-b4ad-35704d4f92f4&quot;}}">
            <a:extLst>
              <a:ext uri="{FF2B5EF4-FFF2-40B4-BE49-F238E27FC236}">
                <a16:creationId xmlns:a16="http://schemas.microsoft.com/office/drawing/2014/main" id="{C9D8BBB8-64ED-CEAF-3B7D-CCE7CC4C4579}"/>
              </a:ext>
            </a:extLst>
          </p:cNvPr>
          <p:cNvSpPr/>
          <p:nvPr userDrawn="1"/>
        </p:nvSpPr>
        <p:spPr>
          <a:xfrm>
            <a:off x="493669" y="6439469"/>
            <a:ext cx="7429599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l"/>
            <a:endParaRPr lang="en-GB" sz="800" noProof="0" dirty="0">
              <a:solidFill>
                <a:schemeClr val="accent1"/>
              </a:solidFill>
            </a:endParaRPr>
          </a:p>
        </p:txBody>
      </p:sp>
      <p:sp>
        <p:nvSpPr>
          <p:cNvPr id="19" name="Guides" hidden="1">
            <a:extLst>
              <a:ext uri="{FF2B5EF4-FFF2-40B4-BE49-F238E27FC236}">
                <a16:creationId xmlns:a16="http://schemas.microsoft.com/office/drawing/2014/main" id="{0D073D88-5C5F-430B-DE0F-D1CD684A6AE8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4" name="Picture 3" descr="{&quot;templafy&quot;:{&quot;id&quot;:&quot;b3a181c1-ebd3-4296-ae31-0db549005665&quot;}}">
            <a:extLst>
              <a:ext uri="{FF2B5EF4-FFF2-40B4-BE49-F238E27FC236}">
                <a16:creationId xmlns:a16="http://schemas.microsoft.com/office/drawing/2014/main" id="{8059816C-D3A3-3BFA-69EF-D71F3A10EB31}"/>
              </a:ext>
            </a:extLst>
          </p:cNvPr>
          <p:cNvPicPr>
            <a:picLocks noChangeAspect="1"/>
          </p:cNvPicPr>
          <p:nvPr userDrawn="1"/>
        </p:nvPicPr>
        <p:blipFill>
          <a:blip r:embed="rId5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64600" y="6142849"/>
            <a:ext cx="3327400" cy="711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544867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7" r:id="rId1"/>
    <p:sldLayoutId id="2147483649" r:id="rId2"/>
    <p:sldLayoutId id="2147483658" r:id="rId3"/>
    <p:sldLayoutId id="2147483699" r:id="rId4"/>
    <p:sldLayoutId id="2147483700" r:id="rId5"/>
    <p:sldLayoutId id="2147483701" r:id="rId6"/>
    <p:sldLayoutId id="2147483702" r:id="rId7"/>
    <p:sldLayoutId id="2147483703" r:id="rId8"/>
    <p:sldLayoutId id="2147483704" r:id="rId9"/>
    <p:sldLayoutId id="2147483705" r:id="rId10"/>
    <p:sldLayoutId id="2147483706" r:id="rId11"/>
    <p:sldLayoutId id="2147483743" r:id="rId12"/>
    <p:sldLayoutId id="2147483707" r:id="rId13"/>
    <p:sldLayoutId id="2147483708" r:id="rId14"/>
    <p:sldLayoutId id="2147483709" r:id="rId15"/>
    <p:sldLayoutId id="2147483710" r:id="rId16"/>
    <p:sldLayoutId id="2147483711" r:id="rId17"/>
    <p:sldLayoutId id="2147483712" r:id="rId18"/>
    <p:sldLayoutId id="2147483713" r:id="rId19"/>
    <p:sldLayoutId id="2147483714" r:id="rId20"/>
    <p:sldLayoutId id="2147483715" r:id="rId21"/>
    <p:sldLayoutId id="2147483716" r:id="rId22"/>
    <p:sldLayoutId id="2147483717" r:id="rId23"/>
    <p:sldLayoutId id="2147483718" r:id="rId24"/>
    <p:sldLayoutId id="2147483719" r:id="rId25"/>
    <p:sldLayoutId id="2147483720" r:id="rId26"/>
    <p:sldLayoutId id="2147483721" r:id="rId27"/>
    <p:sldLayoutId id="2147483722" r:id="rId28"/>
    <p:sldLayoutId id="2147483723" r:id="rId29"/>
    <p:sldLayoutId id="2147483724" r:id="rId30"/>
    <p:sldLayoutId id="2147483725" r:id="rId31"/>
    <p:sldLayoutId id="2147483726" r:id="rId32"/>
    <p:sldLayoutId id="2147483727" r:id="rId33"/>
    <p:sldLayoutId id="2147483728" r:id="rId34"/>
    <p:sldLayoutId id="2147483729" r:id="rId35"/>
    <p:sldLayoutId id="2147483730" r:id="rId36"/>
    <p:sldLayoutId id="2147483731" r:id="rId37"/>
    <p:sldLayoutId id="2147483732" r:id="rId38"/>
    <p:sldLayoutId id="2147483733" r:id="rId39"/>
    <p:sldLayoutId id="2147483734" r:id="rId40"/>
    <p:sldLayoutId id="2147483735" r:id="rId41"/>
    <p:sldLayoutId id="2147483736" r:id="rId42"/>
    <p:sldLayoutId id="2147483737" r:id="rId43"/>
    <p:sldLayoutId id="2147483738" r:id="rId44"/>
    <p:sldLayoutId id="2147483739" r:id="rId45"/>
    <p:sldLayoutId id="2147483740" r:id="rId46"/>
    <p:sldLayoutId id="2147483741" r:id="rId47"/>
    <p:sldLayoutId id="2147483742" r:id="rId48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b="1" kern="1200">
          <a:solidFill>
            <a:schemeClr val="accent1"/>
          </a:solidFill>
          <a:latin typeface="+mn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250"/>
        </a:spcBef>
        <a:spcAft>
          <a:spcPts val="600"/>
        </a:spcAft>
        <a:buFont typeface="Arial" panose="020B0604020202020204" pitchFamily="34" charset="0"/>
        <a:buNone/>
        <a:defRPr sz="18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136800" indent="-136800" algn="l" defTabSz="914400" rtl="0" eaLnBrk="1" latinLnBrk="0" hangingPunct="1">
        <a:lnSpc>
          <a:spcPct val="100000"/>
        </a:lnSpc>
        <a:spcBef>
          <a:spcPts val="400"/>
        </a:spcBef>
        <a:spcAft>
          <a:spcPts val="100"/>
        </a:spcAft>
        <a:buClr>
          <a:schemeClr val="accent3"/>
        </a:buClr>
        <a:buFont typeface="Arial" panose="020B0604020202020204" pitchFamily="34" charset="0"/>
        <a:buChar char="•"/>
        <a:defRPr sz="18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320400" indent="-183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/>
        </a:buClr>
        <a:buFont typeface="Calibri Light" panose="020F0302020204030204" pitchFamily="34" charset="0"/>
        <a:buChar char="—"/>
        <a:defRPr sz="16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504000" indent="-183600" algn="l" defTabSz="914400" rtl="0" eaLnBrk="1" latinLnBrk="0" hangingPunct="1">
        <a:lnSpc>
          <a:spcPct val="100000"/>
        </a:lnSpc>
        <a:spcBef>
          <a:spcPts val="100"/>
        </a:spcBef>
        <a:spcAft>
          <a:spcPts val="300"/>
        </a:spcAft>
        <a:buClr>
          <a:srgbClr val="9EC3E1"/>
        </a:buClr>
        <a:buFont typeface="Courier New" panose="02070309020205020404" pitchFamily="49" charset="0"/>
        <a:buChar char="o"/>
        <a:defRPr sz="1400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300"/>
        </a:spcAft>
        <a:buFont typeface="Arial" panose="020B0604020202020204" pitchFamily="34" charset="0"/>
        <a:buNone/>
        <a:defRPr sz="2000" b="1" kern="1200" cap="all" spc="200" baseline="0">
          <a:solidFill>
            <a:schemeClr val="accent2"/>
          </a:solidFill>
          <a:latin typeface="+mj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None/>
        <a:defRPr sz="1800" b="1" kern="1200">
          <a:solidFill>
            <a:schemeClr val="accent3"/>
          </a:solidFill>
          <a:latin typeface="+mj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None/>
        <a:defRPr sz="1600" b="1" kern="1200" cap="all" spc="180" baseline="0">
          <a:solidFill>
            <a:schemeClr val="accent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600" b="1" kern="1200">
          <a:solidFill>
            <a:srgbClr val="990000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 typeface="Arial" panose="020B0604020202020204" pitchFamily="34" charset="0"/>
        <a:buNone/>
        <a:defRPr sz="1200" i="1" kern="120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>
          <p15:clr>
            <a:srgbClr val="F26B43"/>
          </p15:clr>
        </p15:guide>
        <p15:guide id="2" pos="3840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7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18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19.jpe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20.jpe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BBFF94B-6EC6-1AE5-2EA6-2DD12DE20F18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381D047-19B8-7AD1-7088-87D7B9B2688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#2 – Intro to coding with R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026CC385-AE54-DE4C-DC87-5D20E5E27EC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E52BC8D-92AF-9784-8DFD-8E255CF4D8E1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en-US" dirty="0"/>
              <a:t>Nick Brown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58BDF13-250B-5A70-4CD4-62324E4E977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A44A3C9-9AE8-9AAC-0940-5C80217098C0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64392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46A557B2-CEF7-D8FE-27B6-73851FF513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 metaphor for informatics…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0CF7393F-7590-3096-AA05-A78C0D66C25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dirty="0"/>
              <a:t>A </a:t>
            </a:r>
            <a:r>
              <a:rPr lang="en-US" sz="2800" u="sng" dirty="0"/>
              <a:t>computer coding session</a:t>
            </a:r>
            <a:r>
              <a:rPr lang="en-US" sz="2800" dirty="0"/>
              <a:t> is like building a factory for your data…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E06934C-416C-ACC2-7CB8-C72DCCD265D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2</a:t>
            </a:fld>
            <a:endParaRPr lang="en-US" noProof="0"/>
          </a:p>
        </p:txBody>
      </p:sp>
      <p:pic>
        <p:nvPicPr>
          <p:cNvPr id="1026" name="Picture 2" descr="Thumbnail Image A factory with &quot;Data Factory&quot; on the sign in a professional cartoon style">
            <a:extLst>
              <a:ext uri="{FF2B5EF4-FFF2-40B4-BE49-F238E27FC236}">
                <a16:creationId xmlns:a16="http://schemas.microsoft.com/office/drawing/2014/main" id="{B7865104-01AB-7C9E-6977-C4EF4EB0FD1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70086" y="1627200"/>
            <a:ext cx="4627935" cy="462793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728014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661EB7-FF72-8333-8402-7699FBD461E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22795231-20F3-7D91-9B49-A2121FC2435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nctions and argument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D058AA82-EC70-F077-FD34-D12ECF5C688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u="sng" dirty="0"/>
              <a:t>Functions</a:t>
            </a:r>
            <a:r>
              <a:rPr lang="en-US" sz="2800" dirty="0"/>
              <a:t> are the machines that we will fill the factory with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u="sng" dirty="0"/>
              <a:t>Arguments</a:t>
            </a:r>
            <a:r>
              <a:rPr lang="en-US" sz="2800" dirty="0"/>
              <a:t> are the settings we use for each function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8DE8712-DEDB-AE59-76D7-ACDBE3569AE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3</a:t>
            </a:fld>
            <a:endParaRPr lang="en-US" noProof="0"/>
          </a:p>
        </p:txBody>
      </p:sp>
      <p:pic>
        <p:nvPicPr>
          <p:cNvPr id="2" name="Picture 4" descr="Generated Image">
            <a:extLst>
              <a:ext uri="{FF2B5EF4-FFF2-40B4-BE49-F238E27FC236}">
                <a16:creationId xmlns:a16="http://schemas.microsoft.com/office/drawing/2014/main" id="{7E8BE6E6-30FE-8CFD-8021-51215A8C6C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13036" y="1765907"/>
            <a:ext cx="4241797" cy="42417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2477797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85868D0-C5FB-FB06-E5CC-1022B9219B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B0900607-752E-8DFB-0AB3-FEC0BF9AD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etting up functions in a pipelin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53D59E6-D356-FB66-B39F-0E768B5F492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u="sng" dirty="0"/>
              <a:t>Pipes</a:t>
            </a:r>
            <a:r>
              <a:rPr lang="en-US" sz="2800" dirty="0"/>
              <a:t> will connect the output of one function to the input of another, like a conveyor belt in a factory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668FFD-7220-4409-5601-6BE39E8E020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4</a:t>
            </a:fld>
            <a:endParaRPr lang="en-US" noProof="0"/>
          </a:p>
        </p:txBody>
      </p:sp>
      <p:pic>
        <p:nvPicPr>
          <p:cNvPr id="6" name="Picture 4" descr="Generated Image">
            <a:extLst>
              <a:ext uri="{FF2B5EF4-FFF2-40B4-BE49-F238E27FC236}">
                <a16:creationId xmlns:a16="http://schemas.microsoft.com/office/drawing/2014/main" id="{3BF03000-8DFC-F727-24EB-96A17595633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83886" y="1449884"/>
            <a:ext cx="4688114" cy="468811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66727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456FE0-DF32-F49E-D198-BCD9BAE39B0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CD91B276-9876-E984-19CA-E9D197FC58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llecting output in an object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6EE66CE-2529-D0E8-EDD8-01D6BD85149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800" u="sng" dirty="0"/>
              <a:t>Objects</a:t>
            </a:r>
            <a:r>
              <a:rPr lang="en-US" sz="2800" dirty="0"/>
              <a:t> will collect the final output of our data pipeline, like a bin will collect completed packages in a factory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FA16DD-4AC0-06A0-231A-AF1FC2A1ADE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5</a:t>
            </a:fld>
            <a:endParaRPr lang="en-US" noProof="0"/>
          </a:p>
        </p:txBody>
      </p:sp>
      <p:pic>
        <p:nvPicPr>
          <p:cNvPr id="2" name="Picture 2" descr="Generated Image">
            <a:extLst>
              <a:ext uri="{FF2B5EF4-FFF2-40B4-BE49-F238E27FC236}">
                <a16:creationId xmlns:a16="http://schemas.microsoft.com/office/drawing/2014/main" id="{9A4103AD-7166-8B2B-57C1-AB027A0BF1E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68923" y="1493427"/>
            <a:ext cx="4644571" cy="46445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775093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243CF2C2-64A1-1CEF-7F4E-58F54FBF6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viewing the metaphor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EA3B4F84-13A2-D286-8729-828D1E4045B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1713598"/>
            <a:ext cx="4829900" cy="4424400"/>
          </a:xfrm>
        </p:spPr>
        <p:txBody>
          <a:bodyPr/>
          <a:lstStyle/>
          <a:p>
            <a:pPr algn="r"/>
            <a:r>
              <a:rPr lang="en-US" sz="2800" dirty="0"/>
              <a:t>Computing session</a:t>
            </a:r>
          </a:p>
          <a:p>
            <a:pPr algn="r"/>
            <a:r>
              <a:rPr lang="en-US" sz="2800" dirty="0"/>
              <a:t>Functions</a:t>
            </a:r>
          </a:p>
          <a:p>
            <a:pPr algn="r"/>
            <a:r>
              <a:rPr lang="en-US" sz="2800" dirty="0"/>
              <a:t>Arguments</a:t>
            </a:r>
          </a:p>
          <a:p>
            <a:pPr algn="r"/>
            <a:r>
              <a:rPr lang="en-US" sz="2800" dirty="0"/>
              <a:t>Pipes</a:t>
            </a:r>
          </a:p>
          <a:p>
            <a:pPr algn="r"/>
            <a:r>
              <a:rPr lang="en-US" sz="2800" dirty="0"/>
              <a:t>Objec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45EA715-8625-81AB-F977-815132EDF96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6</a:t>
            </a:fld>
            <a:endParaRPr lang="en-US" noProof="0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D55BA4EF-5263-BD4A-76C7-6119E3B681CF}"/>
              </a:ext>
            </a:extLst>
          </p:cNvPr>
          <p:cNvSpPr>
            <a:spLocks noGrp="1"/>
          </p:cNvSpPr>
          <p:nvPr>
            <p:ph idx="12"/>
          </p:nvPr>
        </p:nvSpPr>
        <p:spPr>
          <a:xfrm>
            <a:off x="6794499" y="1713599"/>
            <a:ext cx="4677499" cy="4424400"/>
          </a:xfrm>
        </p:spPr>
        <p:txBody>
          <a:bodyPr/>
          <a:lstStyle/>
          <a:p>
            <a:r>
              <a:rPr lang="en-US" sz="2800" dirty="0">
                <a:solidFill>
                  <a:srgbClr val="011F5B"/>
                </a:solidFill>
                <a:latin typeface="Arial" panose="020B0604020202020204"/>
              </a:rPr>
              <a:t>D</a:t>
            </a:r>
            <a:r>
              <a:rPr kumimoji="0" lang="en-US" sz="2800" b="0" i="0" u="none" strike="noStrike" kern="1200" cap="none" spc="0" normalizeH="0" baseline="0" noProof="0" dirty="0" err="1">
                <a:ln>
                  <a:noFill/>
                </a:ln>
                <a:solidFill>
                  <a:srgbClr val="011F5B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ata</a:t>
            </a: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011F5B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 factory</a:t>
            </a:r>
          </a:p>
          <a:p>
            <a:r>
              <a:rPr lang="en-US" sz="2800" dirty="0"/>
              <a:t>Factory machines</a:t>
            </a:r>
          </a:p>
          <a:p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011F5B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Settings</a:t>
            </a:r>
          </a:p>
          <a:p>
            <a:r>
              <a:rPr lang="en-US" sz="2800" dirty="0">
                <a:solidFill>
                  <a:srgbClr val="011F5B"/>
                </a:solidFill>
                <a:latin typeface="Arial" panose="020B0604020202020204"/>
              </a:rPr>
              <a:t>Conveyor belt</a:t>
            </a:r>
          </a:p>
          <a:p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srgbClr val="011F5B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Collection bin</a:t>
            </a:r>
          </a:p>
          <a:p>
            <a:endParaRPr kumimoji="0" lang="en-US" sz="2800" b="0" i="0" u="none" strike="noStrike" kern="1200" cap="none" spc="0" normalizeH="0" baseline="0" noProof="0" dirty="0">
              <a:ln>
                <a:noFill/>
              </a:ln>
              <a:solidFill>
                <a:srgbClr val="011F5B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  <a:p>
            <a:endParaRPr lang="en-US" dirty="0"/>
          </a:p>
        </p:txBody>
      </p:sp>
      <p:sp>
        <p:nvSpPr>
          <p:cNvPr id="9" name="Content Placeholder 6">
            <a:extLst>
              <a:ext uri="{FF2B5EF4-FFF2-40B4-BE49-F238E27FC236}">
                <a16:creationId xmlns:a16="http://schemas.microsoft.com/office/drawing/2014/main" id="{53668F4D-3D5B-3333-0B63-F2E77B6E728E}"/>
              </a:ext>
            </a:extLst>
          </p:cNvPr>
          <p:cNvSpPr txBox="1">
            <a:spLocks/>
          </p:cNvSpPr>
          <p:nvPr/>
        </p:nvSpPr>
        <p:spPr>
          <a:xfrm>
            <a:off x="5842000" y="1713598"/>
            <a:ext cx="952498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1368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chemeClr val="accent3"/>
              </a:buClr>
              <a:buFont typeface="Arial" panose="020B0604020202020204" pitchFamily="34" charset="0"/>
              <a:buChar char="•"/>
              <a:defRPr sz="18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320400" indent="-1836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Clr>
                <a:schemeClr val="accent1"/>
              </a:buClr>
              <a:buFont typeface="Calibri Light" panose="020F0302020204030204" pitchFamily="34" charset="0"/>
              <a:buChar char="—"/>
              <a:defRPr sz="16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3pPr>
            <a:lvl4pPr marL="504000" indent="-183600" algn="l" defTabSz="914400" rtl="0" eaLnBrk="1" latinLnBrk="0" hangingPunct="1">
              <a:lnSpc>
                <a:spcPct val="100000"/>
              </a:lnSpc>
              <a:spcBef>
                <a:spcPts val="100"/>
              </a:spcBef>
              <a:spcAft>
                <a:spcPts val="300"/>
              </a:spcAft>
              <a:buClr>
                <a:srgbClr val="9EC3E1"/>
              </a:buClr>
              <a:buFont typeface="Courier New" panose="02070309020205020404" pitchFamily="49" charset="0"/>
              <a:buChar char="o"/>
              <a:defRPr sz="14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kern="1200" cap="all" spc="200" baseline="0">
                <a:solidFill>
                  <a:schemeClr val="accent2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buFont typeface="Arial" panose="020B0604020202020204" pitchFamily="34" charset="0"/>
              <a:buNone/>
              <a:defRPr sz="1800" b="1" kern="1200">
                <a:solidFill>
                  <a:schemeClr val="accent3"/>
                </a:solidFill>
                <a:latin typeface="+mj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None/>
              <a:defRPr sz="1600" b="1" kern="1200" cap="all" spc="180" baseline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600" b="1" kern="1200">
                <a:solidFill>
                  <a:srgbClr val="990000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Font typeface="Arial" panose="020B0604020202020204" pitchFamily="34" charset="0"/>
              <a:buNone/>
              <a:defRPr sz="1200" i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2800" dirty="0"/>
              <a:t>= </a:t>
            </a:r>
          </a:p>
          <a:p>
            <a:pPr algn="ctr"/>
            <a:r>
              <a:rPr lang="en-US" sz="2800" dirty="0"/>
              <a:t>=</a:t>
            </a:r>
          </a:p>
          <a:p>
            <a:pPr algn="ctr"/>
            <a:r>
              <a:rPr lang="en-US" sz="2800" dirty="0"/>
              <a:t>=</a:t>
            </a:r>
          </a:p>
          <a:p>
            <a:pPr algn="ctr"/>
            <a:r>
              <a:rPr lang="en-US" sz="2800" dirty="0"/>
              <a:t>=</a:t>
            </a:r>
          </a:p>
          <a:p>
            <a:pPr algn="ctr"/>
            <a:r>
              <a:rPr lang="en-US" sz="2800" dirty="0"/>
              <a:t>=</a:t>
            </a:r>
          </a:p>
        </p:txBody>
      </p:sp>
    </p:spTree>
    <p:extLst>
      <p:ext uri="{BB962C8B-B14F-4D97-AF65-F5344CB8AC3E}">
        <p14:creationId xmlns:p14="http://schemas.microsoft.com/office/powerpoint/2010/main" val="25107074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17BC4C9-C848-26F2-FEDC-9609F932ED25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5726039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CUSTMASTERTOPMARGIN" val="134.9291"/>
  <p:tag name="GUIDESAPPLIEDTO" val="2"/>
  <p:tag name="TITLETOPMARGIN" val="56.6929"/>
  <p:tag name="TITLEBOTTOMMARGIN" val="128.126"/>
  <p:tag name="MAXCOLS" val="12"/>
  <p:tag name="MAXROWS" val="6"/>
  <p:tag name="MAXGUTTERROW" val="1 cm"/>
  <p:tag name="MAXGUTTERCOL" val="1 cm"/>
  <p:tag name="GUIDEMETRICUNIT" val="cm"/>
  <p:tag name="MASTERLEFTMARGIN" val="56.6929"/>
  <p:tag name="MASTERBOTTOMMARGIN" val="56.693"/>
  <p:tag name="MASTERRIGHTMARGIN" val="56.6929"/>
  <p:tag name="CUSTMASTERLEFTMARGIN" val="56.6929"/>
  <p:tag name="CUSTMASTERBOTTOMMARGIN" val="56.693"/>
  <p:tag name="CUSTMASTERRIGHTMARGIN" val="56.692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ROWS" val="1"/>
  <p:tag name="MASTERTOPMARGIN" val="134.9291"/>
  <p:tag name="GUIDECOLS" val="12"/>
  <p:tag name="GUTTERCOL" val="1 cm"/>
  <p:tag name="GUTTERROW" val="1 cm"/>
  <p:tag name="MASTERLEFTMARGIN" val="56.6929"/>
  <p:tag name="MASTERRIGHTMARGIN" val="56.6929"/>
  <p:tag name="MASTERBOTTOMMARGIN" val="56.6929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GUIDECOLS" val="12"/>
  <p:tag name="GUIDEROWS" val="1"/>
  <p:tag name="GUTTERCOL" val="1 cm"/>
  <p:tag name="GUTTERROW" val="1 cm"/>
  <p:tag name="GUIDESAPPLIEDTO" val="2"/>
  <p:tag name="MASTERBOTTOMMARGIN" val="56.693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heme/theme1.xml><?xml version="1.0" encoding="utf-8"?>
<a:theme xmlns:a="http://schemas.openxmlformats.org/drawingml/2006/main" name="1_Office Theme">
  <a:themeElements>
    <a:clrScheme name="_Penn Medicines">
      <a:dk1>
        <a:srgbClr val="000000"/>
      </a:dk1>
      <a:lt1>
        <a:srgbClr val="FFFFFF"/>
      </a:lt1>
      <a:dk2>
        <a:srgbClr val="001D5B"/>
      </a:dk2>
      <a:lt2>
        <a:srgbClr val="FFFFFF"/>
      </a:lt2>
      <a:accent1>
        <a:srgbClr val="011F5B"/>
      </a:accent1>
      <a:accent2>
        <a:srgbClr val="085296"/>
      </a:accent2>
      <a:accent3>
        <a:srgbClr val="3C86C3"/>
      </a:accent3>
      <a:accent4>
        <a:srgbClr val="6B6C6E"/>
      </a:accent4>
      <a:accent5>
        <a:srgbClr val="C8CAC9"/>
      </a:accent5>
      <a:accent6>
        <a:srgbClr val="EAEAEA"/>
      </a:accent6>
      <a:hlink>
        <a:srgbClr val="3C86C3"/>
      </a:hlink>
      <a:folHlink>
        <a:srgbClr val="C9CB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36000" rIns="72000" bIns="36000" rtlCol="0" anchor="ctr"/>
      <a:lstStyle>
        <a:defPPr algn="ctr">
          <a:defRPr sz="1600" dirty="0" err="1" smtClean="0">
            <a:latin typeface="+mj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accent1"/>
            </a:solidFill>
            <a:latin typeface="+mj-lt"/>
          </a:defRPr>
        </a:defPPr>
      </a:lstStyle>
    </a:txDef>
  </a:objectDefaults>
  <a:extraClrSchemeLst/>
  <a:custClrLst>
    <a:custClr name="RGB( 153, 0, 0)">
      <a:srgbClr val="990000"/>
    </a:custClr>
    <a:custClr name="RGB( 158, 195, 225)">
      <a:srgbClr val="9EC3E1"/>
    </a:custClr>
    <a:custClr name="RGB( 13, 29, 55)">
      <a:srgbClr val="0D1D37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184, 204, 63)">
      <a:srgbClr val="B9CC3F"/>
    </a:custClr>
    <a:custClr name="RGB( 56, 155, 171)">
      <a:srgbClr val="389BAB"/>
    </a:custClr>
    <a:custClr name="RGB( 231, 121, 71)">
      <a:srgbClr val="E77947"/>
    </a:custClr>
    <a:custClr name="RGB( 96,66, 118)">
      <a:srgbClr val="604276"/>
    </a:custClr>
    <a:custClr name="RGB( 241, 186, 63)">
      <a:srgbClr val="F1BA3F"/>
    </a:custClr>
    <a:custClr name="RGB( 203, 93, 131)">
      <a:srgbClr val="CB5D83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0, 175, 114)">
      <a:srgbClr val="00AF72"/>
    </a:custClr>
    <a:custClr name="RGB( 0, 96, 118)">
      <a:srgbClr val="006076"/>
    </a:custClr>
    <a:custClr name="RGB( 249, 165, 78)">
      <a:srgbClr val="F9A54E"/>
    </a:custClr>
    <a:custClr name="RGB( 63, 21, 84)">
      <a:srgbClr val="3F1554"/>
    </a:custClr>
    <a:custClr name="RGB( 250, 222, 91)">
      <a:srgbClr val="FADE5B"/>
    </a:custClr>
    <a:custClr name="RGB( 160, 53, 112)">
      <a:srgbClr val="A03570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Dynamic Presentation.potx" id="{E5FB424D-E745-434F-9CC1-46CC19E2E9A1}" vid="{34240860-933F-4D63-B27C-16F6D1EF1B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CC3F3886-E19E-5F4D-9885-955143A3A995}">
  <we:reference id="d2164860-9689-45e3-a1e5-90c76032056e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{"type":"shape","elementConfiguration":{"inheritDimensions":"{{InheritDimensions.InheritNone}}","width":"","height":"","image":"{{Form.SelectLogo.Logo_Back_white}}","visibility":"","type":"image","disableUpdates":false}}],"slideId":"1034288040387018754","enableDocumentContentUpdater":false,"version":"2.0"}]]></TemplafySlideTemplateConfiguration>
</file>

<file path=customXml/item4.xml><?xml version="1.0" encoding="utf-8"?>
<Templafy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,{"distinct":false,"hideIfNoUserInteractionRequired":false,"required":false,"autoSelectFirstOption":false,"helpTexts":{},"spacing":{},"shareValue":false,"type":"dropDown","dataSourceName":"Motifs","dataSourceFieldName":"Name","name":"Motif","label":"If applicable, select a secondary graphic motif:"},{"required":false,"autoSelectFirstOption":false,"helpTexts":{},"spacing":{},"shareValue":false,"type":"comboBox","dataSourceName":"Footers","dataSourceFieldName":"Name","name":"SelectOrTypeFooter","label":"Select or type a customized footer:"}],"formDataEntries":[{"name":"SelectLogo","value":"VWom6Z5hkMHZxKaJ8SGC5g=="},{"name":"Motif","value":"VWom6Z5hkMHZxKaJ8SGC5g=="},{"name":"SelectOrTypeFooter","value":"VWom6Z5hkMHZxKaJ8SGC5g=="}]}]]></TemplafyFormConfiguration>
</file>

<file path=customXml/item5.xml><?xml version="1.0" encoding="utf-8"?>
<TemplafyTemplateConfiguration><![CDATA[{"elementsMetadata":[{"type":"shape","id":"a65ff867-86bc-4b70-b4ad-35704d4f92f4","elementConfiguration":{"binding":"{{Form.SelectOrTypeFooter}}","visibility":"","type":"text","disableUpdates":false}},{"type":"shape","id":"b3a181c1-ebd3-4296-ae31-0db549005665","elementConfiguration":{"inheritDimensions":"{{InheritDimensions.InheritNone}}","width":"","height":"","image":"{{Form.SelectLogo.Logo_Footer_blue}}","visibility":"","type":"image","disableUpdates":false}},{"type":"shape","id":"365531e4-e746-4ccd-9b5f-456766c7df8c","elementConfiguration":{"inheritDimensions":"{{InheritDimensions.InheritNone}}","width":"","height":"","image":"{{Form.SelectLogo.Logo_Footer_white}}","visibility":"","type":"image","disableUpdates":false}},{"type":"shape","id":"ca882784-466b-4e7d-8f37-d478bcbe7595","elementConfiguration":{"binding":"{{Form.SelectOrTypeFooter}}","visibility":"","type":"text","disableUpdates":false}},{"type":"shape","id":"3f3ce935-1cd0-405f-822f-dd54ba0cb250","elementConfiguration":{"binding":"{{Form.SelectOrTypeFooter}}","visibility":"","type":"text","disableUpdates":false}},{"type":"shape","id":"9a3348f9-3695-4f0d-9b05-1b8d7ea6a245","elementConfiguration":{"inheritDimensions":"{{InheritDimensions.InheritNone}}","width":"","height":"","image":"{{Form.SelectLogo.Logo_Footer_blue}}","visibility":"","type":"image","disableUpdates":false}},{"type":"shape","id":"069cb4a2-ce11-4ab2-b95b-776146bb6cfb","elementConfiguration":{"binding":"{{Form.SelectOrTypeFooter}}","visibility":"","type":"text","disableUpdates":false}},{"type":"shape","id":"80ae1fee-ac8b-4b5a-b665-32d8a20e424a","elementConfiguration":{"inheritDimensions":"{{InheritDimensions.InheritNone}}","width":"","height":"","image":"{{Form.SelectLogo.Logo_Footer_blue}}","visibility":"","type":"image","disableUpdates":false}},{"type":"shape","id":"3b9d9201-1f34-40b7-b145-ddd514793253","elementConfiguration":{"binding":"{{Form.SelectOrTypeFooter}}","visibility":"","type":"text","disableUpdates":false}},{"type":"shape","id":"2742bc59-4cda-49a9-afcb-63d96697c9ac","elementConfiguration":{"inheritDimensions":"{{InheritDimensions.InheritNone}}","width":"","height":"","image":"{{Form.SelectLogo.Logo_Back_white}}","visibility":"","type":"image","disableUpdates":false}},{"type":"shape","id":"fba34d39-4288-4104-906f-f3090191162b","elementConfiguration":{"inheritDimensions":"{{InheritDimensions.InheritNone}}","width":"","height":"","image":"{{Form.SelectLogo.Logo_Footer_white}}","visibility":"","type":"image","disableUpdates":false}},{"type":"shape","id":"924d1b66-fe64-4650-b6f3-dd742a9a2dce","elementConfiguration":{"binding":"{{Form.SelectOrTypeFooter}}","visibility":"","type":"text","disableUpdates":false}},{"type":"shape","id":"e6abbcbc-84b0-40a3-a6f3-01f925dc15e6","elementConfiguration":{"inheritDimensions":"{{InheritDimensions.InheritNone}}","width":"6.75 cm","height":"2 cm","image":"{{Form.Motif.Logo_white}}","visibility":"","type":"image","disableUpdates":false}},{"type":"shape","id":"71ff121b-5d20-4ae6-b521-25bf9fc6cf62","elementConfiguration":{"inheritDimensions":"{{InheritDimensions.InheritNone}}","width":"","height":"","image":"{{Form.SelectLogo.Logo_white}}","visibility":"","type":"image","disableUpdates":false}},{"type":"shape","id":"7204dcc7-7b5e-420b-8baa-03ec43ab33fd","elementConfiguration":{"binding":"{{Form.SelectOrTypeFooter}}","visibility":"","type":"text","disableUpdates":false}},{"type":"shape","id":"244d4cc7-71a9-46dd-9591-ab803bedf7ac","elementConfiguration":{"inheritDimensions":"{{InheritDimensions.InheritNone}}","width":"","height":"","image":"{{Form.SelectLogo.Logo_Footer_white}}","visibility":"","type":"image","disableUpdates":false}},{"type":"shape","id":"b7e3fbfc-bf5b-4448-9596-c5c18bd6e306","elementConfiguration":{"binding":"{{Form.SelectOrTypeFooter}}","visibility":"","type":"text","disableUpdates":false}},{"type":"shape","id":"236bafc0-4ba2-4c14-8f38-4af976df7187","elementConfiguration":{"inheritDimensions":"{{InheritDimensions.InheritNone}}","width":"","height":"","image":"{{Form.SelectLogo.Logo_Footer_blue}}","visibility":"","type":"image","disableUpdates":false}},{"type":"shape","id":"b404484b-cd2e-46ef-9d8e-37928171a4c0","elementConfiguration":{"binding":"{{Form.SelectOrTypeFooter}}","visibility":"","type":"text","disableUpdates":false}},{"type":"shape","id":"09823eff-6d39-4c6a-9e27-d0dde9fef719","elementConfiguration":{"inheritDimensions":"{{InheritDimensions.InheritNone}}","width":"","height":"","image":"{{Form.SelectLogo.Logo_Footer_white}}","visibility":"","type":"image","disableUpdates":false}},{"type":"shape","id":"a0b8f042-da56-447d-aabe-b470836402d6","elementConfiguration":{"binding":"{{Form.SelectOrTypeFooter}}","visibility":"","type":"text","disableUpdates":false}},{"type":"shape","id":"346f931c-544f-4120-8c55-eb9bf1270399","elementConfiguration":{"inheritDimensions":"{{InheritDimensions.InheritNone}}","width":"","height":"","image":"{{Form.SelectLogo.Logo_Footer_blue}}","visibility":"","type":"image","disableUpdates":false}},{"type":"shape","id":"6d670e35-cbef-4614-a404-696cc2bd32a4","elementConfiguration":{"binding":"{{Form.SelectOrTypeFooter}}","visibility":"","type":"text","disableUpdates":false}},{"type":"shape","id":"a5bf3f9d-fef5-471f-b453-a01eeb931449","elementConfiguration":{"inheritDimensions":"{{InheritDimensions.InheritNone}}","width":"","height":"","image":"{{Form.SelectLogo.Logo_Footer_white}}","visibility":"","type":"image","disableUpdates":false}},{"type":"shape","id":"27bebbe9-4f16-41cf-8f7d-2774f3807d6f","elementConfiguration":{"binding":"{{Form.SelectOrTypeFooter}}","visibility":"","type":"text","disableUpdates":false}},{"type":"shape","id":"d49078f7-45db-46d4-b06b-228120b2c43b","elementConfiguration":{"inheritDimensions":"{{InheritDimensions.InheritNone}}","width":"","height":"","image":"{{Form.SelectLogo.Logo_Footer_white}}","visibility":"","type":"image","disableUpdates":false}},{"type":"shape","id":"cfb4fd1e-c66a-411a-ae5f-c627e20bef53","elementConfiguration":{"binding":"{{Form.SelectOrTypeFooter}}","visibility":"","type":"text","disableUpdates":false}},{"type":"shape","id":"cb922fd5-f75f-4c03-9148-c66209a2a66f","elementConfiguration":{"inheritDimensions":"{{InheritDimensions.InheritNone}}","width":"","height":"","image":"{{Form.SelectLogo.Logo_Footer_white}}","visibility":"","type":"image","disableUpdates":false}},{"type":"shape","id":"4c8ba2a0-2302-4e4a-91b0-03e9789497ad","elementConfiguration":{"binding":"{{Form.SelectOrTypeFooter}}","visibility":"","type":"text","disableUpdates":false}},{"type":"shape","id":"56d53198-ece2-46f8-90b5-ac51714ccd65","elementConfiguration":{"inheritDimensions":"{{InheritDimensions.InheritNone}}","width":"","height":"","image":"{{Form.SelectLogo.Logo_Footer_blue}}","visibility":"","type":"image","disableUpdates":false}},{"type":"shape","id":"7d54bae3-fead-4acd-90f9-4c027396eb58","elementConfiguration":{"binding":"{{Form.SelectOrTypeFooter}}","visibility":"","type":"text","disableUpdates":false}},{"type":"shape","id":"0f8dcfb0-f636-4b27-bfdc-52d5c23677a6","elementConfiguration":{"inheritDimensions":"{{InheritDimensions.InheritNone}}","width":"","height":"","image":"{{Form.SelectLogo.Logo_Footer_white}}","visibility":"","type":"image","disableUpdates":false}},{"type":"shape","id":"1a1b0807-64cd-4c3e-9ad2-28cb22e7f5b6","elementConfiguration":{"binding":"{{Form.SelectOrTypeFooter}}","visibility":"","type":"text","disableUpdates":false}},{"type":"shape","id":"d898ebc5-d01e-4841-89b5-72d44dc7e9f4","elementConfiguration":{"inheritDimensions":"{{InheritDimensions.InheritNone}}","width":"","height":"","image":"{{Form.SelectLogo.Logo_Footer_white}}","visibility":"","type":"image","disableUpdates":false}},{"type":"shape","id":"b72b367b-4531-4ee5-9e1c-dc1b55fb3a1c","elementConfiguration":{"binding":"{{Form.SelectOrTypeFooter}}","visibility":"","type":"text","disableUpdates":false}},{"type":"shape","id":"3d840d80-21d9-4b8c-9ef5-c00bb5516571","elementConfiguration":{"binding":"{{Form.SelectOrTypeFooter}}","visibility":"","type":"text","disableUpdates":false}},{"type":"shape","id":"e35771ea-2314-42ff-84d2-f23d7102ba47","elementConfiguration":{"inheritDimensions":"{{InheritDimensions.InheritNone}}","width":"","height":"","image":"{{Form.SelectLogo.Logo_Footer_blue}}","visibility":"","type":"image","disableUpdates":false}},{"type":"shape","id":"875a83f5-0373-4a92-b1f5-753c03e18286","elementConfiguration":{"binding":"{{Form.SelectOrTypeFooter}}","visibility":"","type":"text","disableUpdates":false}},{"type":"shape","id":"b1ae6410-96bd-487e-9b9d-4d096373c313","elementConfiguration":{"inheritDimensions":"{{InheritDimensions.InheritNone}}","width":"","height":"","image":"{{Form.SelectLogo.Logo_Footer_blue}}","visibility":"","type":"image","disableUpdates":false}},{"type":"shape","id":"fff547ef-6d97-409e-be4a-2b785fc031d4","elementConfiguration":{"inheritDimensions":"{{InheritDimensions.InheritNone}}","width":"","height":"","image":"{{Form.SelectLogo.Logo_Footer_white}}","visibility":"","type":"image","disableUpdates":false}},{"type":"shape","id":"a040496a-ccb0-44fa-b2ce-572fdf6d85e2","elementConfiguration":{"binding":"{{Form.SelectOrTypeFooter}}","visibility":"","type":"text","disableUpdates":false}},{"type":"shape","id":"90061414-11d8-4e24-b5c6-94a67b836a2e","elementConfiguration":{"inheritDimensions":"{{InheritDimensions.InheritNone}}","width":"","height":"","image":"{{Form.SelectLogo.Logo_Footer_white}}","visibility":"","type":"image","disableUpdates":false}},{"type":"shape","id":"509ca165-e425-47e7-9777-c54f52238975","elementConfiguration":{"binding":"{{Form.SelectOrTypeFooter}}","visibility":"","type":"text","disableUpdates":false}},{"type":"shape","id":"423338c5-1215-4f39-9480-0941d3b3fa98","elementConfiguration":{"inheritDimensions":"{{InheritDimensions.InheritNone}}","width":"6.75 cm","height":"2 cm","image":"{{Form.Motif.Logo_white}}","visibility":"","type":"image","disableUpdates":false}},{"type":"shape","id":"a9884518-e809-45f9-b879-eb22e3f53b9c","elementConfiguration":{"inheritDimensions":"{{InheritDimensions.InheritNone}}","width":"","height":"","image":"{{Form.SelectLogo.Logo_white}}","visibility":"","type":"image","disableUpdates":false}},{"type":"shape","id":"2e13eee6-26eb-499a-bff0-9b312ab5e513","elementConfiguration":{"inheritDimensions":"{{InheritDimensions.InheritNone}}","width":"","height":"","image":"{{Form.SelectLogo.Logo_Footer_white}}","visibility":"","type":"image","disableUpdates":false}},{"type":"shape","id":"9d3a8040-a339-4065-969d-990670c4bfb8","elementConfiguration":{"binding":"{{Form.SelectOrTypeFooter}}","visibility":"","type":"text","disableUpdates":false}},{"type":"shape","id":"510adb9d-437f-4b66-99f9-d9d1e1460cde","elementConfiguration":{"inheritDimensions":"{{InheritDimensions.InheritNone}}","width":"","height":"","image":"{{Form.SelectLogo.Logo_Footer_white}}","visibility":"","type":"image","disableUpdates":false}},{"type":"shape","id":"48777044-d553-4edc-b1d6-e960a6766e37","elementConfiguration":{"binding":"{{Form.SelectOrTypeFooter}}","visibility":"","type":"text","disableUpdates":false}},{"type":"shape","id":"b918347e-f6a8-4c34-9869-7699f141fdcb","elementConfiguration":{"inheritDimensions":"{{InheritDimensions.InheritNone}}","width":"","height":"","image":"{{Form.SelectLogo.Logo_Back_blue}}","visibility":"","type":"image","disableUpdates":false}},{"type":"shape","id":"4ed83995-50f7-47c7-8c1f-9ab76388097b","elementConfiguration":{"inheritDimensions":"{{InheritDimensions.InheritNone}}","width":"","height":"","image":"{{Form.SelectLogo.Logo_blue}}","visibility":"","type":"image","disableUpdates":false}},{"type":"shape","id":"16cf55a9-5b1b-4105-99af-44230ac8b02c","elementConfiguration":{"inheritDimensions":"{{InheritDimensions.InheritNone}}","width":"6.75 cm","height":"2 cm","image":"{{Form.Motif.Logo_blue}}","visibility":"","type":"image","disableUpdates":false}},{"type":"shape","id":"16279a83-602d-4054-8cf3-75e938e47bf5","elementConfiguration":{"inheritDimensions":"{{InheritDimensions.InheritNone}}","width":"","height":"","image":"{{Form.SelectLogo.Logo_Footer_blue}}","visibility":"","type":"image","disableUpdates":false}},{"type":"shape","id":"57fb1e09-9b29-40fc-94d8-68b95933189e","elementConfiguration":{"binding":"{{Form.SelectOrTypeFooter}}","visibility":"","type":"text","disableUpdates":false}}],"transformationConfigurations":[],"templateName":"Penn Medicine Blank Template","templateDescription":"","enableDocumentContentUpdater":true,"version":"2.0"}]]></TemplafyTemplateConfiguration>
</file>

<file path=customXml/item6.xml><?xml version="1.0" encoding="utf-8"?>
<TemplafySlideTemplateConfiguration><![CDATA[{"slideVersion":1,"isValidatorEnabled":false,"isLocked":false,"elementsMetadata":[{"type":"shape","elementConfiguration":{"inheritDimensions":"{{InheritDimensions.InheritNone}}","width":"6.75 cm","height":"2 cm","image":"{{Form.Motif.Logo_white}}","visibility":"","type":"image","disableUpdates":false}},{"type":"shape","elementConfiguration":{"inheritDimensions":"{{InheritDimensions.InheritNone}}","width":"","height":"","image":"{{Form.SelectLogo.Logo_white}}","visibility":"","type":"image","disableUpdates":false}}],"slideId":"1034288040387018752","enableDocumentContentUpdater":false,"version":"2.0"}]]></TemplafySlideTemplateConfiguration>
</file>

<file path=customXml/item7.xml><?xml version="1.0" encoding="utf-8"?>
<TemplafySlideFormConfiguration><![CDATA[{"formFields":[{"distinct":false,"hideIfNoUserInteractionRequired":false,"required":false,"autoSelectFirstOption":false,"helpTexts":{},"spacing":{},"shareValue":false,"type":"dropDown","dataSourceName":"PPT_Logos","dataSourceFieldName":"Name","name":"SelectLogo","label":"Select a primary logo:"}],"formDataEntries":[]}]]></TemplafySlideFormConfiguration>
</file>

<file path=customXml/item8.xml><?xml version="1.0" encoding="utf-8"?>
<TemplafySlideTemplateConfiguration><![CDATA[{"slideVersion":1,"isValidatorEnabled":false,"isLocked":false,"elementsMetadata":[],"slideId":"1034288040387018753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76246EA-97C2-408C-A7F6-2CE6D89F41BF}">
  <ds:schemaRefs/>
</ds:datastoreItem>
</file>

<file path=customXml/itemProps10.xml><?xml version="1.0" encoding="utf-8"?>
<ds:datastoreItem xmlns:ds="http://schemas.openxmlformats.org/officeDocument/2006/customXml" ds:itemID="{CC626FB1-E83F-41EA-B007-281C5EFCEBBB}">
  <ds:schemaRefs/>
</ds:datastoreItem>
</file>

<file path=customXml/itemProps11.xml><?xml version="1.0" encoding="utf-8"?>
<ds:datastoreItem xmlns:ds="http://schemas.openxmlformats.org/officeDocument/2006/customXml" ds:itemID="{E9732421-3E12-48C1-8CE1-D2098FBA8704}">
  <ds:schemaRefs/>
</ds:datastoreItem>
</file>

<file path=customXml/itemProps12.xml><?xml version="1.0" encoding="utf-8"?>
<ds:datastoreItem xmlns:ds="http://schemas.openxmlformats.org/officeDocument/2006/customXml" ds:itemID="{6CE24AF5-01FF-4706-846F-69F3C66D53D1}">
  <ds:schemaRefs/>
</ds:datastoreItem>
</file>

<file path=customXml/itemProps13.xml><?xml version="1.0" encoding="utf-8"?>
<ds:datastoreItem xmlns:ds="http://schemas.openxmlformats.org/officeDocument/2006/customXml" ds:itemID="{5F4395F8-0EDD-4E4A-A9D6-BB6C9D983AE5}">
  <ds:schemaRefs/>
</ds:datastoreItem>
</file>

<file path=customXml/itemProps14.xml><?xml version="1.0" encoding="utf-8"?>
<ds:datastoreItem xmlns:ds="http://schemas.openxmlformats.org/officeDocument/2006/customXml" ds:itemID="{AC218229-6C79-4E86-BA2B-FA196C4C2B6A}">
  <ds:schemaRefs/>
</ds:datastoreItem>
</file>

<file path=customXml/itemProps2.xml><?xml version="1.0" encoding="utf-8"?>
<ds:datastoreItem xmlns:ds="http://schemas.openxmlformats.org/officeDocument/2006/customXml" ds:itemID="{BF4A61AC-B2A6-416C-ADB0-4620EDFFEFDE}">
  <ds:schemaRefs/>
</ds:datastoreItem>
</file>

<file path=customXml/itemProps3.xml><?xml version="1.0" encoding="utf-8"?>
<ds:datastoreItem xmlns:ds="http://schemas.openxmlformats.org/officeDocument/2006/customXml" ds:itemID="{065B7073-882A-47A2-9356-25DB4F8B9906}">
  <ds:schemaRefs/>
</ds:datastoreItem>
</file>

<file path=customXml/itemProps4.xml><?xml version="1.0" encoding="utf-8"?>
<ds:datastoreItem xmlns:ds="http://schemas.openxmlformats.org/officeDocument/2006/customXml" ds:itemID="{3AE8D32F-AC01-42AC-92C6-DAF95DE03028}">
  <ds:schemaRefs/>
</ds:datastoreItem>
</file>

<file path=customXml/itemProps5.xml><?xml version="1.0" encoding="utf-8"?>
<ds:datastoreItem xmlns:ds="http://schemas.openxmlformats.org/officeDocument/2006/customXml" ds:itemID="{8B390A47-7C58-4096-A2CD-BDC3C0704E56}">
  <ds:schemaRefs/>
</ds:datastoreItem>
</file>

<file path=customXml/itemProps6.xml><?xml version="1.0" encoding="utf-8"?>
<ds:datastoreItem xmlns:ds="http://schemas.openxmlformats.org/officeDocument/2006/customXml" ds:itemID="{DBCEC20D-1E04-4A9A-9196-231907B1BC88}">
  <ds:schemaRefs/>
</ds:datastoreItem>
</file>

<file path=customXml/itemProps7.xml><?xml version="1.0" encoding="utf-8"?>
<ds:datastoreItem xmlns:ds="http://schemas.openxmlformats.org/officeDocument/2006/customXml" ds:itemID="{2B39C04E-444A-41EE-A7B2-9E3CA35FD6AA}">
  <ds:schemaRefs/>
</ds:datastoreItem>
</file>

<file path=customXml/itemProps8.xml><?xml version="1.0" encoding="utf-8"?>
<ds:datastoreItem xmlns:ds="http://schemas.openxmlformats.org/officeDocument/2006/customXml" ds:itemID="{140979B4-EB48-4B15-81BF-0441FC23D0D2}">
  <ds:schemaRefs/>
</ds:datastoreItem>
</file>

<file path=customXml/itemProps9.xml><?xml version="1.0" encoding="utf-8"?>
<ds:datastoreItem xmlns:ds="http://schemas.openxmlformats.org/officeDocument/2006/customXml" ds:itemID="{9EBB2EA0-CB93-4566-9C16-3052B22138D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303</TotalTime>
  <Words>135</Words>
  <Application>Microsoft Office PowerPoint</Application>
  <PresentationFormat>Widescreen</PresentationFormat>
  <Paragraphs>32</Paragraphs>
  <Slides>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rial</vt:lpstr>
      <vt:lpstr>Calibri</vt:lpstr>
      <vt:lpstr>Calibri Light</vt:lpstr>
      <vt:lpstr>Courier New</vt:lpstr>
      <vt:lpstr>1_Office Theme</vt:lpstr>
      <vt:lpstr>#2 – Intro to coding with R</vt:lpstr>
      <vt:lpstr>A metaphor for informatics…</vt:lpstr>
      <vt:lpstr>Functions and arguments</vt:lpstr>
      <vt:lpstr>Setting up functions in a pipeline</vt:lpstr>
      <vt:lpstr>Collecting output in an object</vt:lpstr>
      <vt:lpstr>Reviewing the metaphor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ames Peters</dc:creator>
  <cp:lastModifiedBy>Brown, Nicholas</cp:lastModifiedBy>
  <cp:revision>115</cp:revision>
  <dcterms:created xsi:type="dcterms:W3CDTF">2024-11-26T16:19:19Z</dcterms:created>
  <dcterms:modified xsi:type="dcterms:W3CDTF">2025-01-02T19:34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0-25T14:22:55</vt:lpwstr>
  </property>
  <property fmtid="{D5CDD505-2E9C-101B-9397-08002B2CF9AE}" pid="3" name="TemplafyTenantId">
    <vt:lpwstr>pennmedicine</vt:lpwstr>
  </property>
  <property fmtid="{D5CDD505-2E9C-101B-9397-08002B2CF9AE}" pid="4" name="TemplafyTemplateId">
    <vt:lpwstr>1034288031134646878</vt:lpwstr>
  </property>
  <property fmtid="{D5CDD505-2E9C-101B-9397-08002B2CF9AE}" pid="5" name="TemplafyUserProfileId">
    <vt:lpwstr>638116359143973194</vt:lpwstr>
  </property>
  <property fmtid="{D5CDD505-2E9C-101B-9397-08002B2CF9AE}" pid="6" name="TemplafyFromBlank">
    <vt:bool>true</vt:bool>
  </property>
</Properties>
</file>